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comments1.xml" ContentType="application/vnd.openxmlformats-officedocument.spreadsheetml.comments+xml"/>
  <Override PartName="/xl/tables/table2.xml" ContentType="application/vnd.openxmlformats-officedocument.spreadsheetml.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328"/>
  <workbookPr showInkAnnotation="0" codeName="ThisWorkbook" defaultThemeVersion="124226"/>
  <mc:AlternateContent xmlns:mc="http://schemas.openxmlformats.org/markup-compatibility/2006">
    <mc:Choice Requires="x15">
      <x15ac:absPath xmlns:x15ac="http://schemas.microsoft.com/office/spreadsheetml/2010/11/ac" url="C:\Users\i047798\Documents\DOCS\C4C\CPI content\"/>
    </mc:Choice>
  </mc:AlternateContent>
  <xr:revisionPtr revIDLastSave="0" documentId="13_ncr:1_{7559C987-AA89-4E1F-A217-3DE916226BD2}" xr6:coauthVersionLast="41" xr6:coauthVersionMax="41" xr10:uidLastSave="{00000000-0000-0000-0000-000000000000}"/>
  <bookViews>
    <workbookView xWindow="-108" yWindow="-108" windowWidth="30936" windowHeight="17040" activeTab="1" xr2:uid="{00000000-000D-0000-FFFF-FFFF00000000}"/>
  </bookViews>
  <sheets>
    <sheet name="Instructions" sheetId="4" r:id="rId1"/>
    <sheet name="Integration Flows" sheetId="1" r:id="rId2"/>
    <sheet name="ERP IS Utilities" sheetId="5" r:id="rId3"/>
    <sheet name="S4H Utilities" sheetId="6" r:id="rId4"/>
    <sheet name="Interface List" sheetId="2" state="hidden" r:id="rId5"/>
    <sheet name="Copyright" sheetId="3" r:id="rId6"/>
  </sheets>
  <definedNames>
    <definedName name="_xlnm._FilterDatabase" localSheetId="0" hidden="1">Instructions!$A$7:$A$58</definedName>
    <definedName name="_xlnm._FilterDatabase" localSheetId="1" hidden="1">'Integration Flows'!$A$1:$A$220</definedName>
    <definedName name="_xlnm._FilterDatabase" localSheetId="4" hidden="1">'Interface List'!$A$1:$G$105</definedName>
  </definedNames>
  <calcPr calcId="145621"/>
</workbook>
</file>

<file path=xl/comments1.xml><?xml version="1.0" encoding="utf-8"?>
<comments xmlns="http://schemas.openxmlformats.org/spreadsheetml/2006/main" xmlns:mc="http://schemas.openxmlformats.org/markup-compatibility/2006" xmlns:xr="http://schemas.microsoft.com/office/spreadsheetml/2014/revision" mc:Ignorable="xr">
  <authors>
    <author>Nanda, Abinash</author>
  </authors>
  <commentList>
    <comment ref="B25" authorId="0" shapeId="0" xr:uid="{00000000-0006-0000-0100-000001000000}">
      <text>
        <r>
          <rPr>
            <b/>
            <sz val="9"/>
            <color indexed="81"/>
            <rFont val="Tahoma"/>
            <charset val="1"/>
          </rPr>
          <t>Nanda, Abinash:</t>
        </r>
        <r>
          <rPr>
            <sz val="9"/>
            <color indexed="81"/>
            <rFont val="Tahoma"/>
            <charset val="1"/>
          </rPr>
          <t xml:space="preserve">
From 1705, we support Employee replication from CRM using a new interface EmployeeReplicationIn</t>
        </r>
      </text>
    </comment>
    <comment ref="B49" authorId="0" shapeId="0" xr:uid="{00000000-0006-0000-0100-000002000000}">
      <text>
        <r>
          <rPr>
            <b/>
            <sz val="9"/>
            <color indexed="81"/>
            <rFont val="Tahoma"/>
            <charset val="1"/>
          </rPr>
          <t>Nanda, Abinash:</t>
        </r>
        <r>
          <rPr>
            <sz val="9"/>
            <color indexed="81"/>
            <rFont val="Tahoma"/>
            <charset val="1"/>
          </rPr>
          <t xml:space="preserve">
Deprecated use the new iFLow Replicate_Employee_from_SAP_Business_Suite</t>
        </r>
      </text>
    </comment>
    <comment ref="B65" authorId="0" shapeId="0" xr:uid="{00000000-0006-0000-0100-000003000000}">
      <text>
        <r>
          <rPr>
            <b/>
            <sz val="9"/>
            <color indexed="81"/>
            <rFont val="Tahoma"/>
            <family val="2"/>
          </rPr>
          <t>Nanda, Abinash:</t>
        </r>
        <r>
          <rPr>
            <sz val="9"/>
            <color indexed="81"/>
            <rFont val="Tahoma"/>
            <family val="2"/>
          </rPr>
          <t xml:space="preserve">
Same iFlow is also used for Sales Ordrer replication from C4C to ERP</t>
        </r>
      </text>
    </comment>
    <comment ref="C65" authorId="0" shapeId="0" xr:uid="{00000000-0006-0000-0100-000004000000}">
      <text>
        <r>
          <rPr>
            <b/>
            <sz val="9"/>
            <color indexed="81"/>
            <rFont val="Tahoma"/>
            <family val="2"/>
          </rPr>
          <t xml:space="preserve">Nanda, Abinash: Also used for </t>
        </r>
        <r>
          <rPr>
            <sz val="9"/>
            <color indexed="81"/>
            <rFont val="Tahoma"/>
            <family val="2"/>
          </rPr>
          <t xml:space="preserve">
Replicate Sales Order to SAP Business Suite</t>
        </r>
      </text>
    </comment>
    <comment ref="J65" authorId="0" shapeId="0" xr:uid="{00000000-0006-0000-0100-000005000000}">
      <text>
        <r>
          <rPr>
            <b/>
            <sz val="9"/>
            <color indexed="81"/>
            <rFont val="Tahoma"/>
            <family val="2"/>
          </rPr>
          <t>Nanda, Abinash:</t>
        </r>
        <r>
          <rPr>
            <sz val="9"/>
            <color indexed="81"/>
            <rFont val="Tahoma"/>
            <family val="2"/>
          </rPr>
          <t xml:space="preserve">
Sales Order Replication to SAP Business Suite</t>
        </r>
      </text>
    </comment>
    <comment ref="K65" authorId="0" shapeId="0" xr:uid="{00000000-0006-0000-0100-000006000000}">
      <text>
        <r>
          <rPr>
            <b/>
            <sz val="9"/>
            <color indexed="81"/>
            <rFont val="Tahoma"/>
            <family val="2"/>
          </rPr>
          <t>Nanda, Abinash:</t>
        </r>
        <r>
          <rPr>
            <sz val="9"/>
            <color indexed="81"/>
            <rFont val="Tahoma"/>
            <family val="2"/>
          </rPr>
          <t xml:space="preserve">
Replicate Sales Order to SAP Business Suite</t>
        </r>
      </text>
    </comment>
    <comment ref="G93" authorId="0" shapeId="0" xr:uid="{00000000-0006-0000-0100-000007000000}">
      <text>
        <r>
          <rPr>
            <b/>
            <sz val="9"/>
            <color indexed="81"/>
            <rFont val="Tahoma"/>
            <family val="2"/>
          </rPr>
          <t>Nanda, Abinash:</t>
        </r>
        <r>
          <rPr>
            <sz val="9"/>
            <color indexed="81"/>
            <rFont val="Tahoma"/>
            <family val="2"/>
          </rPr>
          <t xml:space="preserve">
yMkt</t>
        </r>
      </text>
    </comment>
    <comment ref="H93" authorId="0" shapeId="0" xr:uid="{00000000-0006-0000-0100-000008000000}">
      <text>
        <r>
          <rPr>
            <b/>
            <sz val="9"/>
            <color indexed="81"/>
            <rFont val="Tahoma"/>
            <charset val="1"/>
          </rPr>
          <t>Nanda, Abinash:</t>
        </r>
        <r>
          <rPr>
            <sz val="9"/>
            <color indexed="81"/>
            <rFont val="Tahoma"/>
            <charset val="1"/>
          </rPr>
          <t xml:space="preserve">
ODATA service</t>
        </r>
      </text>
    </comment>
    <comment ref="H97" authorId="0" shapeId="0" xr:uid="{00000000-0006-0000-0100-000009000000}">
      <text>
        <r>
          <rPr>
            <b/>
            <sz val="9"/>
            <color indexed="81"/>
            <rFont val="Tahoma"/>
            <charset val="1"/>
          </rPr>
          <t>Nanda, Abinash:</t>
        </r>
        <r>
          <rPr>
            <sz val="9"/>
            <color indexed="81"/>
            <rFont val="Tahoma"/>
            <charset val="1"/>
          </rPr>
          <t xml:space="preserve">
ODATA service</t>
        </r>
      </text>
    </comment>
    <comment ref="P97" authorId="0" shapeId="0" xr:uid="{00000000-0006-0000-0100-00000A000000}">
      <text>
        <r>
          <rPr>
            <b/>
            <sz val="9"/>
            <color indexed="81"/>
            <rFont val="Tahoma"/>
            <charset val="1"/>
          </rPr>
          <t>Nanda, Abinash:</t>
        </r>
        <r>
          <rPr>
            <sz val="9"/>
            <color indexed="81"/>
            <rFont val="Tahoma"/>
            <charset val="1"/>
          </rPr>
          <t xml:space="preserve">
xmlns:p1=http://sap.com/xi/SAPGlobal20/Global</t>
        </r>
      </text>
    </comment>
    <comment ref="H98" authorId="0" shapeId="0" xr:uid="{00000000-0006-0000-0100-00000B000000}">
      <text>
        <r>
          <rPr>
            <b/>
            <sz val="9"/>
            <color indexed="81"/>
            <rFont val="Tahoma"/>
            <charset val="1"/>
          </rPr>
          <t>Nanda, Abinash:</t>
        </r>
        <r>
          <rPr>
            <sz val="9"/>
            <color indexed="81"/>
            <rFont val="Tahoma"/>
            <charset val="1"/>
          </rPr>
          <t xml:space="preserve">
ODATA service</t>
        </r>
      </text>
    </comment>
  </commentList>
</comments>
</file>

<file path=xl/sharedStrings.xml><?xml version="1.0" encoding="utf-8"?>
<sst xmlns="http://schemas.openxmlformats.org/spreadsheetml/2006/main" count="4809" uniqueCount="1878">
  <si>
    <t>Source Interface</t>
  </si>
  <si>
    <t>Target Interface</t>
  </si>
  <si>
    <t>ActivityConfirmationOut</t>
  </si>
  <si>
    <t>CRMXIF_ORDER_SAVE_M.CRMXIF_ORDER_SAVE_U01</t>
  </si>
  <si>
    <t>AppointmentActivityConfirmationOut</t>
  </si>
  <si>
    <t>AppointmentActivityReplicationOut</t>
  </si>
  <si>
    <t>BusinessPartnerReplicateConfirmationOut</t>
  </si>
  <si>
    <t>CRMXIF_PARTNER_SAVE_M.CRMXIF_PARTNER_SAVE_M03</t>
  </si>
  <si>
    <t>BusinessPartnerReplicationSelfInitiatedOut</t>
  </si>
  <si>
    <t>BusinessPartnerRelationshipReplicationSelfInitiatedOut</t>
  </si>
  <si>
    <t>CRMXIF_PARTNER_REL_SAVE_M.CRMXIF_PARTNER_REL_SAVE_M02</t>
  </si>
  <si>
    <t>EmailActivityConfirmationOut</t>
  </si>
  <si>
    <t>EmailActivityReplicationOut</t>
  </si>
  <si>
    <t>LeadReplicateOut</t>
  </si>
  <si>
    <t>LeadReplicationInitiatedByExternalOut</t>
  </si>
  <si>
    <t>LeadStatusNotificationOut</t>
  </si>
  <si>
    <t>OpportunityReplicationInitiatedByExternalOut</t>
  </si>
  <si>
    <t>OpportunityReplicationOut</t>
  </si>
  <si>
    <t>PhoneCallActivityConfirmationOut</t>
  </si>
  <si>
    <t>PhoneCallActivityReplicationOut</t>
  </si>
  <si>
    <t>CustomerQuoteProcessingSalesOrderRequestOut</t>
  </si>
  <si>
    <t>ServiceRequestProcessingRequestServiceDelegationOut</t>
  </si>
  <si>
    <t>SocialMediaUserProfileReplicationOut</t>
  </si>
  <si>
    <t>CRMXIF_PARTNER_SAVE_M.CRMXIF_PARTNER_SAVE_M06</t>
  </si>
  <si>
    <t>SMI_USERINFO_SAVE.SMI_USERINFO_INBOUND_SAVE</t>
  </si>
  <si>
    <t>TaskActivityConfirmationOut</t>
  </si>
  <si>
    <t>TaskActivityReplicationOut</t>
  </si>
  <si>
    <t>BusinessPartnerHierarchySimpleIn</t>
  </si>
  <si>
    <t>AppointmentActivityConfirmationIn</t>
  </si>
  <si>
    <t>AppointmentActivityReplicationIn</t>
  </si>
  <si>
    <t>ActivityReplicationIn</t>
  </si>
  <si>
    <t>BusinessPartnerReplicationConfirmationIn</t>
  </si>
  <si>
    <t>BusinessPartnerReplicationIn</t>
  </si>
  <si>
    <t>BusinessPartnerRelationshipReplicationIn</t>
  </si>
  <si>
    <t>CRMPCD_CAMPAIGN_SAVE.CRMPCD_CAMPAIGN_SAVE01</t>
  </si>
  <si>
    <t>CampaignReplicationInitiatedByExternalIn</t>
  </si>
  <si>
    <t>CustomerQuoteProcessingUpdatingSalesQuoteWithSalesOrderIn</t>
  </si>
  <si>
    <t>EmailActivityConfirmationIn</t>
  </si>
  <si>
    <t>EmailActivityReplicationIn</t>
  </si>
  <si>
    <t>CRMPCD_EMPLOYEE_SAVE.CRMPCD_EMPLOYEE_SAVE01</t>
  </si>
  <si>
    <t>LeadConfirmationIn</t>
  </si>
  <si>
    <t>LeadReplicationInitiatedByExternalIn</t>
  </si>
  <si>
    <t>CRMXIF_PRODUCT_MATERIAL_SAVE.CRMXIF_PRODUCT_MATERIAL_SAVE02</t>
  </si>
  <si>
    <t>MaterialReplicationBulkIn</t>
  </si>
  <si>
    <t>OpportunityReplicationIn</t>
  </si>
  <si>
    <t>OpportunityReplicationBulkInitiatedByExternalIn</t>
  </si>
  <si>
    <t>CRM_COD_OrganisationUnit_Replicate</t>
  </si>
  <si>
    <t>CRMPCD_ORG_UNIT_SAVE.CRMPCD_ORG_UNIT_SAVE01</t>
  </si>
  <si>
    <t>OrganizationCentreReplicationRequestInitiatedByExternalIn</t>
  </si>
  <si>
    <t>PhoneCallActivityConfirmationIn</t>
  </si>
  <si>
    <t>PhoneCallActivityReplicationIn</t>
  </si>
  <si>
    <t>CRM_COD_ProductCategoryHierarchy_Replicate</t>
  </si>
  <si>
    <t>CRMPCD_PROD_HIER_SAVE.CRMPCD_PROD_HIER_SAVE01</t>
  </si>
  <si>
    <t>ProductCategoryHierarchyReplicationIn</t>
  </si>
  <si>
    <t>CRM_COD_Service_Request_Delegation_Confirmation</t>
  </si>
  <si>
    <t>ServiceRequestProcessingRequestServiceDelegationIn</t>
  </si>
  <si>
    <t>TaskActivityConfirmationIn</t>
  </si>
  <si>
    <t>TaskActivityReplicationIn</t>
  </si>
  <si>
    <t>CRM_COD_Territory_Replicate</t>
  </si>
  <si>
    <t>CRMPCD_TERRITORY_SAVE.CRMPCD_TERRITORY_SAVE02</t>
  </si>
  <si>
    <t>TerritoryReplicationIn</t>
  </si>
  <si>
    <t>COD_CRM_Activity_Confirmation</t>
  </si>
  <si>
    <t>COD_CRM_BusinessPartner_Confirmation</t>
  </si>
  <si>
    <t>COD_CRM_BusinessPartner_Replicate</t>
  </si>
  <si>
    <t>COD_CRM_BusinessPartnerRelationship_Replicate</t>
  </si>
  <si>
    <t>COD_CRM_Lead_Replicate_Confirmation</t>
  </si>
  <si>
    <t>COD_CRM_Lead_Status_Notification</t>
  </si>
  <si>
    <t>COD_CRM_Opportunity_Confirmation</t>
  </si>
  <si>
    <t>COD_CRM_Opportunity_Replicate</t>
  </si>
  <si>
    <t>COD_CRM_Service_Request_Delegation</t>
  </si>
  <si>
    <t>COD_CRM_SocialMediaUserProfile_BusinessPartner_Replicate</t>
  </si>
  <si>
    <t>COD_CRM_SocialMediaUserProfile_Replicate</t>
  </si>
  <si>
    <t>CRM_COD_Activity_Confirmation</t>
  </si>
  <si>
    <t>CRM_COD_BusinessPartner_Confirmation</t>
  </si>
  <si>
    <t>CRM_COD_BusinessPartner_Replicate</t>
  </si>
  <si>
    <t>CRM_COD_Campaign_Replication</t>
  </si>
  <si>
    <t>CRM_COD_Employee_Data_Replication_Bulk</t>
  </si>
  <si>
    <t>CRM_COD_Lead_Confirmation</t>
  </si>
  <si>
    <t>CRM_COD_Material_Replicate_Bulk</t>
  </si>
  <si>
    <t>CRM_COD_Opportunity_Confirmation</t>
  </si>
  <si>
    <t>CRM_COD_Opportunity_Replicate_Bulk</t>
  </si>
  <si>
    <t>IDoc</t>
  </si>
  <si>
    <t>C4C</t>
  </si>
  <si>
    <t>CRM</t>
  </si>
  <si>
    <t>COD_ERP_BusinessPartnerERPAddressBulkReplicateRequest</t>
  </si>
  <si>
    <t>BusinessPartnerERPAddressReplicationOut</t>
  </si>
  <si>
    <t>ADRUPD.ADRUPD01</t>
  </si>
  <si>
    <t>COD_ERP_BusinessPartnerERPBulkReplicateRequest</t>
  </si>
  <si>
    <t>BusinessPartnerERPReplicationOut</t>
  </si>
  <si>
    <t>DEBMAS.DEBMAS06</t>
  </si>
  <si>
    <t>BusinessPartnerERPContactAddressReplicationOut</t>
  </si>
  <si>
    <t>ADR3UPD.ADR3UPD01</t>
  </si>
  <si>
    <t>COD_ERP_DocumentPrintPreviewRequest</t>
  </si>
  <si>
    <t>DocumentPrintPreviewRequestingOut</t>
  </si>
  <si>
    <t>SalesDocumentPrintPreviewQuery</t>
  </si>
  <si>
    <t>OpportunityRequestFollowupBusinessTransactionDocumentOut</t>
  </si>
  <si>
    <t>COD_ERP_SalesOrderPricingInformationRequest</t>
  </si>
  <si>
    <t>SalesOrderPricingInformationRequestingOut</t>
  </si>
  <si>
    <t>SalesOrderPricingInformationQueryResponse_In</t>
  </si>
  <si>
    <t>FollowupDocumentCreationRequestFromServiceRequestCreationOut</t>
  </si>
  <si>
    <t>SALESORDER_CREATEFROMDAT2.SALESORDER_CREATEFROMDAT202</t>
  </si>
  <si>
    <t>ERP_COD_BusinessPartnerERPAddressBulkReplicateRequest</t>
  </si>
  <si>
    <t>ADRMAS.ADRMAS03</t>
  </si>
  <si>
    <t>BusinessPartnerERPAddressReplicationIn</t>
  </si>
  <si>
    <t>ERP_COD_BusinessPartnerERPBulkReplicateRequest</t>
  </si>
  <si>
    <t>DEBMAS_CFS.DEBMAS06</t>
  </si>
  <si>
    <t>BusinessPartnerERPReplicationIn</t>
  </si>
  <si>
    <t>ERP_COD_BusinessPartnerERPContactAddressReplicationIn</t>
  </si>
  <si>
    <t>ADR3MAS.ADR3MAS03</t>
  </si>
  <si>
    <t>BusinessPartnerERPContactAddressReplicationIn</t>
  </si>
  <si>
    <t>COD_OPPT_CONF.ORDERS05</t>
  </si>
  <si>
    <t>CustomerQuoteProcessingSalesOrderRequestCreationIn</t>
  </si>
  <si>
    <t>COD_SERVICE_REQUEST_CONF.ORDERS05</t>
  </si>
  <si>
    <t>FollowupDocumentFromServiceRequestCreationIn</t>
  </si>
  <si>
    <t>ERP_COD_MATMAS_CFS</t>
  </si>
  <si>
    <t>MATMAS_CFS.MATMAS05</t>
  </si>
  <si>
    <t>ECC</t>
  </si>
  <si>
    <t>AttachmentFolderReplicationRequest_Out</t>
  </si>
  <si>
    <t>OpportunityAttachmentFolderReplicationInitiatedByExternalIn</t>
  </si>
  <si>
    <t>AttachmentFolderReplicationRequest_In</t>
  </si>
  <si>
    <t>OpportunityAttachmentFolderReplicationOut</t>
  </si>
  <si>
    <t>C4C 13/11</t>
  </si>
  <si>
    <t>C4C 14/02</t>
  </si>
  <si>
    <t>System</t>
  </si>
  <si>
    <t>Release</t>
  </si>
  <si>
    <t>CRM 7.0 EHP0</t>
  </si>
  <si>
    <t>CRM 7.0 EHP3</t>
  </si>
  <si>
    <t>ECC 6.0 EHP0</t>
  </si>
  <si>
    <t>CRMPCD01</t>
  </si>
  <si>
    <t>Direction</t>
  </si>
  <si>
    <t>Out</t>
  </si>
  <si>
    <t>In</t>
  </si>
  <si>
    <t>Both</t>
  </si>
  <si>
    <t>CODERINT</t>
  </si>
  <si>
    <t>Deprecated</t>
  </si>
  <si>
    <t>QueryCustomerQuoteBasicDataOut</t>
  </si>
  <si>
    <t>CustomerQuoteERPBasicDataByElementsQueryResponse_In</t>
  </si>
  <si>
    <t>QuerySalesOrderBasicDataOut</t>
  </si>
  <si>
    <t>SalesOrderERPBasicDataByElementsQueryResponse_In</t>
  </si>
  <si>
    <t>ECC 6.0 EHP3</t>
  </si>
  <si>
    <t>ECC 6.0 EHP2</t>
  </si>
  <si>
    <t>Trgt Sys</t>
  </si>
  <si>
    <t>Src Sys</t>
  </si>
  <si>
    <t>© 2014 SAP AG or an SAP affiliate company. All rights reserved.</t>
  </si>
  <si>
    <t>No part of this publication may be reproduced or transmitted in any form or for any purpose without the express permission of SAP AG or an SAP affiliate company.</t>
  </si>
  <si>
    <t>SAP and other SAP products and services mentioned herein as well as their respective logos are trademarks or registered trademarks of SAP AG (or an SAP affiliate company) in Germany and other countries. Please see http://global12.sap.com/corporate-en/legal/copyright/index.epx for additional trademark information and notices.</t>
  </si>
  <si>
    <t>Some software products marketed by SAP AG and its distributors contain proprietary software components of other software vendors.</t>
  </si>
  <si>
    <t>National product specifications may vary.</t>
  </si>
  <si>
    <t xml:space="preserve">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SAP affiliate company products and services are those that are set forth in the express warranty statements accompanying such products and services, if any. Nothing herein should be construed as constituting an additional warranty. </t>
  </si>
  <si>
    <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t>
  </si>
  <si>
    <t>Interface name</t>
  </si>
  <si>
    <t>N/A</t>
  </si>
  <si>
    <t>Opportunity with Follow Up Business Transaction Document in External System</t>
  </si>
  <si>
    <t>Opportunity with Print Preview of Sales Documents in ERP</t>
  </si>
  <si>
    <t>com.sap.scenarios.cod2erp.contactaddress.replicate</t>
  </si>
  <si>
    <t>com.sap.scenarios.cod2erp.customeraddress.replicate</t>
  </si>
  <si>
    <t>com.sap.scenarios.erp2cod.contactaddress.replicate</t>
  </si>
  <si>
    <t>com.sap.scenarios.erp2cod.customeraddress.replicate</t>
  </si>
  <si>
    <t>com.sap.scenarios.erp2cod.opportunity.replicate</t>
  </si>
  <si>
    <t>com.sap.scenarios.erp2cod.servicerequest.confirmation</t>
  </si>
  <si>
    <t>com.sap.scenarios.erp2cod.material.replicate</t>
  </si>
  <si>
    <t>com.sap.scenarios.erp2cod.customermaster.replicate</t>
  </si>
  <si>
    <t>com.sap.scenarios.crm2cod.order.replicate</t>
  </si>
  <si>
    <t>com.sap.scenarios.crm2cod.employee.replicate</t>
  </si>
  <si>
    <t>com.sap.scenarios.crm2cod.orgunit.replicate</t>
  </si>
  <si>
    <t>com.sap.scenarios.crm2cod.prodcathierarchy.replicate</t>
  </si>
  <si>
    <t>com.sap.scenarios.crm2cod.territory.replicate</t>
  </si>
  <si>
    <t>com.sap.scenarios.crm2cod.businesspartner.replicate</t>
  </si>
  <si>
    <t>com.sap.scenarios.crm2cod.productmaterial.replicate</t>
  </si>
  <si>
    <t>com.sap.scenarios.cod2crm.businesspartner.confirmation</t>
  </si>
  <si>
    <t>com.sap.scenarios.cod2crm.businesspartner.relationship.replicate</t>
  </si>
  <si>
    <t>com.sap.scenarios.cod2crm.businesspartner.replicate</t>
  </si>
  <si>
    <t>com.sap.scenarios.cod2crm.lead.confirmation</t>
  </si>
  <si>
    <t>com.sap.scenarios.cod2crm.lead.replicate</t>
  </si>
  <si>
    <t>com.sap.scenarios.cod2crm.lead.status.replicate</t>
  </si>
  <si>
    <t>com.sap.scenarios.cod2crm.opportunity.confirmation</t>
  </si>
  <si>
    <t>com.sap.scenarios.cod2crm.opportunity.replicate</t>
  </si>
  <si>
    <t>com.sap.scenarios.cod2crm.OpportunityAttachment.replication</t>
  </si>
  <si>
    <t>com.sap.scenarios.cod2crm.Quote2SalesOrder.request</t>
  </si>
  <si>
    <t>com.sap.scenarios.cod2crm.servicerequest.replicate</t>
  </si>
  <si>
    <t>com.sap.scenarios.cod2erp.customermaster.replicate</t>
  </si>
  <si>
    <t>com.sap.scenarios.cod2erp.opportunityfollowup.replicate</t>
  </si>
  <si>
    <t>com.sap.scenarios.cod2erp.querysalesorder.request</t>
  </si>
  <si>
    <t>com.sap.scenarios.cod2erp.querysalesquote.request</t>
  </si>
  <si>
    <t>com.sap.scenarios.cod2erp.salesorderpricing.request</t>
  </si>
  <si>
    <t>Sync/Async</t>
  </si>
  <si>
    <t>Async</t>
  </si>
  <si>
    <t>Sync</t>
  </si>
  <si>
    <t>SOAP</t>
  </si>
  <si>
    <t>Adapter Type</t>
  </si>
  <si>
    <t>Business Activity Replication From External System</t>
  </si>
  <si>
    <t>Business Activity Replication To External System</t>
  </si>
  <si>
    <t>Acccount Hierarchy Simple Replication From External System</t>
  </si>
  <si>
    <t>Business Partner Replication From External System</t>
  </si>
  <si>
    <t>Business Partner Replication To  External System</t>
  </si>
  <si>
    <t xml:space="preserve">BusinessPartnerRelationshipReplicationIn </t>
  </si>
  <si>
    <t>Campaign Replication From External System</t>
  </si>
  <si>
    <t>Opportunity Replication From External System</t>
  </si>
  <si>
    <t>Opportunity Replication To External System</t>
  </si>
  <si>
    <t>Product Categories Replication From External System</t>
  </si>
  <si>
    <t>Service Request Delegation From External System</t>
  </si>
  <si>
    <t>Social Media User Profile Replication To External System</t>
  </si>
  <si>
    <t xml:space="preserve">Organization Centre Replication From External System </t>
  </si>
  <si>
    <t xml:space="preserve">CRMXIF_PARTNER_SAVE_M.CRMXIF_PARTNER_SAVE_M06 </t>
  </si>
  <si>
    <t>ExchangeRateTransmissionRequestingOut</t>
  </si>
  <si>
    <t>ExchangeRateByExchangeRateQueryResponse_In</t>
  </si>
  <si>
    <t>C4C 14/05</t>
  </si>
  <si>
    <t>COD_ERP_ExchangeRateQuerySync</t>
  </si>
  <si>
    <t>com.sap.scenarios.cod2erp.queryexchangerate.request</t>
  </si>
  <si>
    <t>CustomerQuoteRequestExternalSalesDocumentDataOut</t>
  </si>
  <si>
    <t>COD_SALESORDER_SIMULATE/SalesDocumentSimulationQuery</t>
  </si>
  <si>
    <t>com.sap.scenarios.cod2erp.querysalesquotepricing.request</t>
  </si>
  <si>
    <t>COD_CUSTHIERMAS.COD_CUSTHIERMAS01</t>
  </si>
  <si>
    <t>ERP_COD_AccountHierarchy_Replication</t>
  </si>
  <si>
    <t>com.sap.scenarios.erp2cod.accounthierarchy.replicate</t>
  </si>
  <si>
    <t>COD_ERP_SD_ORGS_SAVE.COD_ERP_SD_ORGS_SAVE01</t>
  </si>
  <si>
    <t>ERP_COD_OrganisationUnitHierarchy_Replicate</t>
  </si>
  <si>
    <t>com.sap.scenarios.erp2cod.organisationunithierarchy.replicate</t>
  </si>
  <si>
    <t>com.sap.scenarios.cod2crm.socialmediauserprofile.replicate</t>
  </si>
  <si>
    <t>ActivityReplicationToExtOut</t>
  </si>
  <si>
    <t>COD_CRM_BusinessActivityReplicate_Bulk</t>
  </si>
  <si>
    <t>com.sap.scenarios.cod2crm.businessactivity.replicate</t>
  </si>
  <si>
    <t>BusinessAttributeAssignmentReplicationRequestOut</t>
  </si>
  <si>
    <t>CLFMAS.CLFMAS02</t>
  </si>
  <si>
    <t>COD_CRM_BusinessAttributeAssignmentReplicationRequestOut</t>
  </si>
  <si>
    <t>CRM_COD_MarkettingAttribute_Assignment</t>
  </si>
  <si>
    <t>com.sap.scenarios.crm2cod.businessattribute.replication</t>
  </si>
  <si>
    <t>ExternalSalesDocumentDataQueryResponse_In</t>
  </si>
  <si>
    <t>com.sap.scenarios.cod2crm.querysalesquotepricing.request</t>
  </si>
  <si>
    <t>Attachment replication to SAP Cloud for Customer</t>
  </si>
  <si>
    <t>com.sap.scenarios.crm2cod.Attachment.replication</t>
  </si>
  <si>
    <t>LeadAttachmentFolderReplicationInitiatedByExternalIn</t>
  </si>
  <si>
    <t>CRM_COD_CustomerQuote_SalesOrder_Notification</t>
  </si>
  <si>
    <t>com.sap.scenarios.cod2crm.businessactivity.confirmation</t>
  </si>
  <si>
    <t>(/CRMXIF_ORDER_SAVE_U01/IDOC/EDI_DC40/MESCOD ≠ CNF AND /CRMXIF_ORDER_SAVE_U01/IDOC/E101CRMXIF_BUSTRANS/OBJECT_TYPE = BUS2000111)</t>
  </si>
  <si>
    <t>(/CRMXIF_ORDER_SAVE_U01/IDOC/EDI_DC40/MESCOD = CNF AND /CRMXIF_ORDER_SAVE_U01/IDOC/E101CRMXIF_BUSTRANS/OBJECT_TYPE = BUS2000111)</t>
  </si>
  <si>
    <t>(/CRMXIF_ORDER_SAVE_U01/IDOC/EDI_DC40/MESCOD = CNF AND /CRMXIF_ORDER_SAVE_U01/IDOC/E101CRMXIF_BUSTRANS/OBJECT_TYPE = BUS2000108)</t>
  </si>
  <si>
    <t>(/CRMXIF_ORDER_SAVE_U01/IDOC/EDI_DC40/MESCOD ≠ CNF AND /CRMXIF_ORDER_SAVE_U01/IDOC/E101CRMXIF_BUSTRANS/OBJECT_TYPE = BUS2000108)</t>
  </si>
  <si>
    <t>(/CRMXIF_ORDER_SAVE_U01/IDOC/E101CRMXIF_BUSTRANS/OBJECT_TYPE = BUS2000223 AND /CRMXIF_ORDER_SAVE_U01/IDOC/E101CRMXIF_BUSTRANS/E101CRMXIF_DOC_FLOW_XT/E101CRMXIF_DOC_FLOW/RELATION_TYPE = PCDI)</t>
  </si>
  <si>
    <t>(/CRMXIF_PARTNER_REL_SAVE_M02/IDOC/E101XIF_PARTNER_REL_COMPLEX/E101MXIF_PARTNER_REL_HEADER/E101CRMXIF_PARTNER_REL_KEYS/RELAT_CATEGORY = &lt;Relationship Category for Hierarchy Representation&gt;)</t>
  </si>
  <si>
    <t xml:space="preserve">(/CRMXIF_PARTNER_REL_SAVE_M02/IDOC/E101XIF_PARTNER_REL_COMPLEX/E101MXIF_PARTNER_REL_HEADER/E101CRMXIF_PARTNER_REL_KEYS/RELAT_CATEGORY ≠ &lt;Relationship Category for Hierarchy Representation&gt;)
Note: This routing condition is only relevant if you use account hierarchies.
</t>
  </si>
  <si>
    <t>(/CRMXIF_PARTNER_SAVE_M03/IDOC/EDI_DC40/MESCOD = CNF AND /CRMXIF_PARTNER_SAVE_M03/IDOC/E101CRMXIF_PARTNER_COMPLEX/E101BUS_EI_CENTRAL_DATA/E101BUS_EI_ROLES/E101BUS_EI_BUPA_ROLES/DATA_KEY ≠ BUP003)</t>
  </si>
  <si>
    <t>(/CRMXIF_PARTNER_SAVE_M03/IDOC/EDI_DC40/MESCOD ≠ CNF AND /CRMXIF_PARTNER_SAVE_M03/IDOC/E101CRMXIF_PARTNER_COMPLEX/E101BUS_EI_CENTRAL_DATA/E101BUS_EI_ROLES/E101BUS_EI_BUPA_ROLES/DATA_KEY ≠ BUP003)</t>
  </si>
  <si>
    <t>(/CRMXIF_ORDER_SAVE_U01/IDOC/E101CRMXIF_BUSTRANS/OBJECT_TYPE = BUS2000115 AND /CRMXIF_ORDER_SAVE_U01/IDOC/E101CRMXIF_BUSTRANS/E101CRMXIF_DOC_FLOW_XT/E101CRMXIF_DOC_FLOW/RELATION_TYPE = PCDI AND /CRMXIF_ORDER_SAVE_U01/IDOC/E101CRMXIF_BUSTRANS/E101CRMXIF_DOC_FLOW_XT/E101CRMXIF_DOC_FLOW/RELOBJ_TYPE = BUS2000115)</t>
  </si>
  <si>
    <t>com.sap.scenarios.cod2crm.businessattributeassignment.replication</t>
  </si>
  <si>
    <t>com.sap.scenarios.crm2cod.businessattributeassignment.replication</t>
  </si>
  <si>
    <t>CLSMAS.CLSMAS04</t>
  </si>
  <si>
    <t>BusinessAttributeSetReplicationRequestIn</t>
  </si>
  <si>
    <t>BusinessAttributeAssignmentReplicationRequestIn</t>
  </si>
  <si>
    <t>CRM_COD_Business_Attribute_Set_Replicate_Bulk</t>
  </si>
  <si>
    <t>com.sap.scenarios.crm2cod.businessattributeset.replication</t>
  </si>
  <si>
    <t>CHRMAS.CHRMAS04</t>
  </si>
  <si>
    <t>CRM_COD_Business_Attribute_Replicate_Bulk</t>
  </si>
  <si>
    <t>BusinessAttributeReplicationRequestIn</t>
  </si>
  <si>
    <t>Business Object</t>
  </si>
  <si>
    <t xml:space="preserve">Activity </t>
  </si>
  <si>
    <t xml:space="preserve">C4C Communication Arrangement  (Communication Scenario) </t>
  </si>
  <si>
    <t>Lead</t>
  </si>
  <si>
    <t>Opportunity</t>
  </si>
  <si>
    <t>Campaign</t>
  </si>
  <si>
    <t>Employee</t>
  </si>
  <si>
    <t>Org Unit</t>
  </si>
  <si>
    <t>Territory</t>
  </si>
  <si>
    <t>Exchange Rates</t>
  </si>
  <si>
    <t xml:space="preserve">Lead Replication To External System </t>
  </si>
  <si>
    <t xml:space="preserve">Lead Replication From External System </t>
  </si>
  <si>
    <t>Business Partner Replication From SAP ERP</t>
  </si>
  <si>
    <t>Replicate Business Partner to External System</t>
  </si>
  <si>
    <t>Replicate Business Partner Relationship to External System</t>
  </si>
  <si>
    <t xml:space="preserve">Lead Replication  From External System </t>
  </si>
  <si>
    <t>Product Replication with Sales Data From External System</t>
  </si>
  <si>
    <t>INQUIRY_CREATEFromDATA2.INQUIRY_CREATEFromDATA201</t>
  </si>
  <si>
    <t>SALESORDER_CREATEFromDAT2.SALESORDER_CREATEFromDAT202</t>
  </si>
  <si>
    <t xml:space="preserve">Lead Replication  To External System </t>
  </si>
  <si>
    <t>OpportunityRequestFollowupBusinessTransactionDocumenTout</t>
  </si>
  <si>
    <t>Service Request Delegation To External System</t>
  </si>
  <si>
    <t>CustomerQuoteProcessingSalesOrderRequesTout</t>
  </si>
  <si>
    <t>CRMPCD_Territory_SAVE.CRMPCD_Territory_SAVE02</t>
  </si>
  <si>
    <t>Business Activity Replication to External System</t>
  </si>
  <si>
    <t>Replicate Business Partner from SAP Business Suite - Confirmation</t>
  </si>
  <si>
    <t>Create Sales Order Request from Sales Quote</t>
  </si>
  <si>
    <t>Replicate Lead Request</t>
  </si>
  <si>
    <t>Confirmation of replicated leads to the SAP Business Suite CRM system</t>
  </si>
  <si>
    <t>Lead status notification to the SAP Business Suite CRM system</t>
  </si>
  <si>
    <t>Replicate Opportunity Attachment Folder - Request</t>
  </si>
  <si>
    <t>Replicate Opportunity from External - Confirmation</t>
  </si>
  <si>
    <t>Replicate Opportunity - Request</t>
  </si>
  <si>
    <t>Delegate Service Request - Request</t>
  </si>
  <si>
    <t>Replicate Opportunity Attachment and Lead Attachment Folder from External</t>
  </si>
  <si>
    <t>Replication of campaigns from the SAP Business Suite CRM system</t>
  </si>
  <si>
    <t>Replication of Organization Centre Data from External System</t>
  </si>
  <si>
    <t>Replication of Product Categories from the SAP Business Suite CRM system</t>
  </si>
  <si>
    <t>Replicate Sales Territory from External System</t>
  </si>
  <si>
    <t>Replicates transactional data to SAP Cloud for Customer. This includes Leads, Opportunities, Service request confirmation and Activities and Activity confirmation messages</t>
  </si>
  <si>
    <t>Replicate Business Partner and Business Partner confimration from SAP Business Suite</t>
  </si>
  <si>
    <t>Replication of Products with Sales Data from External System</t>
  </si>
  <si>
    <t>Replicate Social Media User Profile - Request</t>
  </si>
  <si>
    <t>Replicate Business Activity - Request</t>
  </si>
  <si>
    <t>Replicate Business Attribute Assignment to External</t>
  </si>
  <si>
    <t>Replicate Business Attribute Assignment from External</t>
  </si>
  <si>
    <t>Replicate Business Attribute from External</t>
  </si>
  <si>
    <t>Replicate Business Attribute Set from External</t>
  </si>
  <si>
    <t>Request Pricing</t>
  </si>
  <si>
    <t>Business Partner Address Replication to SAP ERP</t>
  </si>
  <si>
    <t>Business Partner Contact Address Replication to SAP ERP</t>
  </si>
  <si>
    <t>Business Partner Replication to SAP ERP</t>
  </si>
  <si>
    <t>Request Sales Document Print Preview</t>
  </si>
  <si>
    <t>Create Follow Up Business Transaction Document from Opportunity</t>
  </si>
  <si>
    <t>Business Partner Contact Address Replication</t>
  </si>
  <si>
    <t>Business Partner Address Replication</t>
  </si>
  <si>
    <t>Replicate Account Hierarchy Simple from SAP Business Suite</t>
  </si>
  <si>
    <t>SAP ABA 620</t>
  </si>
  <si>
    <t>SalesDocumentSimulationQuery</t>
  </si>
  <si>
    <t>ECC-SE 605</t>
  </si>
  <si>
    <t>Business Attribute and Assignment Replication</t>
  </si>
  <si>
    <t>Business Partner Replication to External System</t>
  </si>
  <si>
    <t>Sales Quote with Sales Order Processing in an External System</t>
  </si>
  <si>
    <t>Sales Quote with Pricing in an External System</t>
  </si>
  <si>
    <t>/cxf/COD/CRM/BUSINESSACTIVITY_CONFIRMATION</t>
  </si>
  <si>
    <t>/cxf/COD/CRM/BusinessPartnerRelationshipReplicationSelfInitiatedOut</t>
  </si>
  <si>
    <t>/cxf/COD/CRM/BusinessPartnerReplicateConfirmationOut</t>
  </si>
  <si>
    <t>/cxf/COD/CRM/BusinessPartnerReplicationSelfInitiatedOut</t>
  </si>
  <si>
    <t>/cxf/COD/CRM/QUOTEREQ_TO_SALESORDER</t>
  </si>
  <si>
    <t>/cxf/COD/CRM/LeadReplication</t>
  </si>
  <si>
    <t>/cxf/COD/CRM/LeadReplicationInitiatedByExternalOut</t>
  </si>
  <si>
    <t>/cxf/COD/CRM/LeadStatusNotificationOut</t>
  </si>
  <si>
    <t>/cxf/COD/CRM/OPPORTUNITY_ATTACHMENT_REPLICATION</t>
  </si>
  <si>
    <t>/cxf/COD/CRM/OpportunityReplicationOut</t>
  </si>
  <si>
    <t>/cxf/COD/CRM/ServiceRequestProcessingRequestServiceDelegationOut</t>
  </si>
  <si>
    <t>/cxf/COD/ERP/BP_ADDRESS_REPLICATION</t>
  </si>
  <si>
    <t>/cxf/COD/ERP/BP_CONTACT_REPLICATION</t>
  </si>
  <si>
    <t>/cxf/COD/ERP/BP_MASTER_REPLICATION</t>
  </si>
  <si>
    <t>/cxf/COD/ERP/SALESQUOTE_REQUEST</t>
  </si>
  <si>
    <t>/cxf/COD/ERP/SALESORDER_REQUEST</t>
  </si>
  <si>
    <t>/cxf/COD/ERP/SALESORDERPRICING_REQUEST</t>
  </si>
  <si>
    <t>/cxf/COD/ERP/EXCHANGERATETRANSMISSIONREQUESTINGOUT</t>
  </si>
  <si>
    <t>/cxf/COD/ERP/CUSTOMERQUOTEREQUESTEXTERNALSALESDOCUMENTDATAOUT</t>
  </si>
  <si>
    <t>/cxf/COD/CRM/SocialMediaUserProfileReplicationOut</t>
  </si>
  <si>
    <t>/cxf/COD/CRM/BusinessAttributeAssignmentBulkReplicateRequest</t>
  </si>
  <si>
    <t>/cxf/COD/CRM/OpportunityReplicationInitiatedByExternalOut</t>
  </si>
  <si>
    <t>/cxf/COD/CRM/CustomerQuoteRequestExternalSalesDocumentDataOut</t>
  </si>
  <si>
    <t>Business Activity Request from External System</t>
  </si>
  <si>
    <t>Replicate Business Partner from SAP Business Suite</t>
  </si>
  <si>
    <t>Replicate Businesspartner Relation from External</t>
  </si>
  <si>
    <t>Replicate Opportunity Attachment Folder from External</t>
  </si>
  <si>
    <t>Replicate Lead Attachment Folder from External</t>
  </si>
  <si>
    <t>Update Sales Quote from Sales Order</t>
  </si>
  <si>
    <t>Lead Confirmation Inbound</t>
  </si>
  <si>
    <t>Replication of leads from the SAP Business Suite CRM system</t>
  </si>
  <si>
    <t>Replicate Opportunity from External using Bulk Messages</t>
  </si>
  <si>
    <t>Replicate Opportunity from External</t>
  </si>
  <si>
    <t>Replicate Business Partner to External System - Confirmation</t>
  </si>
  <si>
    <t xml:space="preserve">C4C Communication Arrangement Service </t>
  </si>
  <si>
    <t xml:space="preserve">Target System URL </t>
  </si>
  <si>
    <t>/cxf/COD/CRM/ActivityReplicationToExtOut</t>
  </si>
  <si>
    <t>Sales Territory Replication From an External Sytem</t>
  </si>
  <si>
    <t>Replicate Sales Territory From External System</t>
  </si>
  <si>
    <t>Delegate Service Request - Confirmation</t>
  </si>
  <si>
    <t>SAP Cloud for Customer  Integration  Flow Spreadsheet</t>
  </si>
  <si>
    <t>Instructions</t>
  </si>
  <si>
    <t>General Comments</t>
  </si>
  <si>
    <t xml:space="preserve">Download the current version from SMP -  https://service.sap.com/cloud4customer </t>
  </si>
  <si>
    <t xml:space="preserve">Leave feedback in the Cloud for Customer Engagement Jam https://jam4.sapjam.com/#groups/wall/4lcZP7HVBybuyJTZHcWo2k </t>
  </si>
  <si>
    <t>This spreadsheet should be used to map a specific integration flow to the related service, communication arrangement, and PI/HCI details.</t>
  </si>
  <si>
    <t xml:space="preserve">Use the drop down to filter by how you want to look.  Common filter choices are: object,  source system, target system.  </t>
  </si>
  <si>
    <t>HumanCapitalManagementMasterDataReplicationEmployeeMasterDataReplicationWithCodeListMapIn</t>
  </si>
  <si>
    <t>C4C 14/08</t>
  </si>
  <si>
    <t>C4C 14/11</t>
  </si>
  <si>
    <t>COD_SERVICE_CONFIRMATION.COD_SERVICE_CONFIRMATION01</t>
  </si>
  <si>
    <t>/cxf/COD/ERP/SERVICEREQFOLLOWUP</t>
  </si>
  <si>
    <t>COD_ERP_ServiceRequestConfirmationProcessingRequest</t>
  </si>
  <si>
    <t>com.sap.scenarios.cod2erp.servicereqfollowup.request</t>
  </si>
  <si>
    <t>(/CRMXIF_ORDER_SAVE_U01/IDOC/EDI_DC40/MESCOD = CNF AND /CRMXIF_ORDER_SAVE_U01/IDOC/E101CRMXIF_BUSTRANS/OBJECT_TYPE = BUS2000126) OR (/CRMXIF_ORDER_SAVE_U01/IDOC/EDI_DC40/MESCOD = CNF AND /CRMXIF_ORDER_SAVE_U01/IDOC/E101CRMXIF_BUSTRANS/OBJECT_TYPE = BUS2000125)</t>
  </si>
  <si>
    <t>(/CRMXIF_ORDER_SAVE_U01/IDOC/E101CRMXIF_BUSTRANS/OBJECT_TYPE = BUS2000125 AND /CRMXIF_ORDER_SAVE_U01/IDOC/EDI_DC40/MESCOD ≠ CNF) OR (/CRMXIF_ORDER_SAVE_U01/IDOC/E101CRMXIF_BUSTRANS/OBJECT_TYPE = BUS2000126 AND /CRMXIF_ORDER_SAVE_U01/IDOC/EDI_DC40/MESCOD ≠ CNF)</t>
  </si>
  <si>
    <t>Query Business Partner Customer Fact Sheet from SAP Business Suite</t>
  </si>
  <si>
    <t>C4C 15/02</t>
  </si>
  <si>
    <t>BusinessPartnerCustomerFactSheetRequestingOut</t>
  </si>
  <si>
    <t>Business Partner Customer Fact Sheet from SAP Business Suite</t>
  </si>
  <si>
    <t>Request Customer Fact Sheet from SAP Business Suite</t>
  </si>
  <si>
    <t>/cxf/COD/ERP/BUPACUSTOMER_FACTSHEET       </t>
  </si>
  <si>
    <t>COD_ERP_BusinessPartnerCustomerFactSheetRequest</t>
  </si>
  <si>
    <t>CustomerFactSheetQuery</t>
  </si>
  <si>
    <t>/cxf/COD/CRM/BUPACUSTOMER_FACTSHEET       </t>
  </si>
  <si>
    <t>COD_CRM_CustomerFactSheet</t>
  </si>
  <si>
    <t>COD_REPLICATE_SALES_ORDER01</t>
  </si>
  <si>
    <t>CustomerOrderReplicationIn</t>
  </si>
  <si>
    <t>Sales Order Replication from SAP Business Suite</t>
  </si>
  <si>
    <t>Replicate Sales Order</t>
  </si>
  <si>
    <t>ERP_COD_CustomerOrderReplication</t>
  </si>
  <si>
    <t>Sales Order Replication to SAP Business Suite</t>
  </si>
  <si>
    <t>COD_ERP_CustomerQuoteFollowupBusinessTransactionDocumentReq</t>
  </si>
  <si>
    <t>/cxf/COD/ERP/QUOTE_TO_BUSINESSDOCUMENT</t>
  </si>
  <si>
    <t>COD_ERP_OpportunityFollowupBusinessTransactionDocumentReq</t>
  </si>
  <si>
    <t>(/p1:AttachmentFolderBulkReplicateRequest/AttachmentFolderReplicateRequestMessage/AttachmentFolder/HostObjectReference/ObjectTypeCode = 72)</t>
  </si>
  <si>
    <t>(/p1:AttachmentFolderBulkReplicateRequest/AttachmentFolderReplicateRequestMessage/AttachmentFolder/HostObjectReference/ObjectTypeCode = 64)</t>
  </si>
  <si>
    <t>Analytics Integration</t>
  </si>
  <si>
    <t>OperationalDataProvisioningIn</t>
  </si>
  <si>
    <t>/cxf/COD/ERP/queryidmapping</t>
  </si>
  <si>
    <t>com.sap.scenarios.erp2cod.queryidmapping</t>
  </si>
  <si>
    <t>Manage Recent Order Data</t>
  </si>
  <si>
    <t>ManageExternalAggregatedCustomerSalesOrderViewIn</t>
  </si>
  <si>
    <t>360 Overview – Account</t>
  </si>
  <si>
    <t>/cxf/ERP/COD/ManageRecentOrderData</t>
  </si>
  <si>
    <t>com.sap.scenarios.erp2cod.managerecentorderdata</t>
  </si>
  <si>
    <t>End to end Connectivity check from SAP Cloud for Customer to SAP CRM</t>
  </si>
  <si>
    <t>CheckConnectivityConsumer</t>
  </si>
  <si>
    <t>CRMCONNECTIVITYPROVIDER</t>
  </si>
  <si>
    <t>Check Connectivity From C4c To External System</t>
  </si>
  <si>
    <t>/cxf/COD/CRM/SimpleConnect</t>
  </si>
  <si>
    <t>COD_CRM_End2EndConnectivityCheck</t>
  </si>
  <si>
    <t> com.sap.scenarios.cod2crm.simpleconnectivity</t>
  </si>
  <si>
    <t>End to end connectivity check from SAP CRM to SAP Cloud for Customer</t>
  </si>
  <si>
    <t>ConnectivityCheckConsumer</t>
  </si>
  <si>
    <t>ConnectivityCheckProvider</t>
  </si>
  <si>
    <t>Check connectvity to external system</t>
  </si>
  <si>
    <t>/cxf/CRM/COD/SimpleConnect</t>
  </si>
  <si>
    <t>CRM_COD_ConnectivityCheck</t>
  </si>
  <si>
    <t>CODCONNECTIVITYPROVIDER</t>
  </si>
  <si>
    <t>/cxf/COD/ERP/SimpleConnect</t>
  </si>
  <si>
    <t>COD_ERP_CheckEnd2EndConnectivity</t>
  </si>
  <si>
    <t> com.sap.scenarios.cod2erp.simpleconnectivity</t>
  </si>
  <si>
    <t>/cxf/ERP/COD/SimpleConnect</t>
  </si>
  <si>
    <t>ERP_COD_ConnectivityCheck</t>
  </si>
  <si>
    <t> com.sap.scenarios.erp2cod.simpleconnectivity</t>
  </si>
  <si>
    <t>Create Sales Quote Follow Up Document in SAP Business Suite</t>
  </si>
  <si>
    <t>Document Flow query from SAP Cloud for customer to SAP CRM</t>
  </si>
  <si>
    <t>CODDocumentFlowRequestingOut</t>
  </si>
  <si>
    <t>CRMDocumentFlowRequestOut</t>
  </si>
  <si>
    <t>Business Document Flow Query From SAP Business Suite</t>
  </si>
  <si>
    <t>Request Document Flow from SAP Business Suite</t>
  </si>
  <si>
    <t>/cxf/COD/CRM/BusinessDocumentFlowQuery</t>
  </si>
  <si>
    <t>COD_CRM_DocumentFlowRequest</t>
  </si>
  <si>
    <t> com.sap.scenarios.cod2crm.businessdocumentflowquery</t>
  </si>
  <si>
    <t>/cxf/COD/ERP/BusinessDocumentFlowQuery</t>
  </si>
  <si>
    <t>COD_ERP_DocumentFlowRequest</t>
  </si>
  <si>
    <t>Request sales document print preview from SAP Cloud for Customer to SAP CRM</t>
  </si>
  <si>
    <t>CODDocumentPrintPreviewRequestingOut</t>
  </si>
  <si>
    <t>CRMDocumentPrintPreviewQuery</t>
  </si>
  <si>
    <t>Print Preview Of Business Documents In SAP Business Suite</t>
  </si>
  <si>
    <t>Request Business Document Print Preview from SAP Business Suite</t>
  </si>
  <si>
    <t>/cxf/COD/CRM/SALESDOC_PRINT_PREVIEW</t>
  </si>
  <si>
    <t>COD_CRM_SalesDocumentPrintPreview</t>
  </si>
  <si>
    <t>com.sap.scenarios.cod2crm.salesdocumentprintpreview.request</t>
  </si>
  <si>
    <t>COD_CUST_MAT_INFO.COD_CUST_MAT_INFO01</t>
  </si>
  <si>
    <t>CustomerMaterialInfoReplicationInitiatedbyExternalIn</t>
  </si>
  <si>
    <t>ERP_COD_CustomerMaterialInfoRecordReplicationIn</t>
  </si>
  <si>
    <t>C4C 15/05</t>
  </si>
  <si>
    <t>ReplicateSalesOrderAttachmentToExternal</t>
  </si>
  <si>
    <t>Replicate Sales Order Attachment to SAP Business Suite</t>
  </si>
  <si>
    <t>SalesOrderConfirmationOut</t>
  </si>
  <si>
    <t>SALESORDER_CREATEFROMDAT202.COD_SALESORDER_CONFIRMATION</t>
  </si>
  <si>
    <t>Confirm Customer Order Replication to SAP Business Suite</t>
  </si>
  <si>
    <t>COD_ERP_CustomerOrderReplicationConfirmation</t>
  </si>
  <si>
    <t>COD_EQUIPMENT_SAVE.COD_EQUIPMENT_SAVE01</t>
  </si>
  <si>
    <t>RegisteredProductReplicationInitiatedByExternalIn</t>
  </si>
  <si>
    <t>Registered Product and Installation Point Replication from SAP Business Suite</t>
  </si>
  <si>
    <t>Replicate Registered Products from SAP Business Suite</t>
  </si>
  <si>
    <t>ERP_COD_RegisteredProductBulkReplicateRequest</t>
  </si>
  <si>
    <t>InstallationPoint</t>
  </si>
  <si>
    <t>COD_FUNCTIONAL_LOCATION_SAVE.COD_FUNCTIONAL_LOCATION_SAVE01</t>
  </si>
  <si>
    <t>InstallationPointReplicationInitiatedByExternalIn</t>
  </si>
  <si>
    <t>Replicate Installation Points from SAP Business Suite</t>
  </si>
  <si>
    <t>ERP_COD_InstallationPointBulkReplicateRequest</t>
  </si>
  <si>
    <t>COD_SALESORDER_SIMULATE</t>
  </si>
  <si>
    <t>Ticket with Pricing in SAP Business Suite</t>
  </si>
  <si>
    <t>Request External Data from SAP Business Suite</t>
  </si>
  <si>
    <t>com.sap.scenarios.cod2erp.salesordrerattachmentreplication</t>
  </si>
  <si>
    <t>com.sap.scenarios.cod2erp.customerorderreplicationconfirmation</t>
  </si>
  <si>
    <t>com.sap.scenarios.erp2cod.replicateinstallationpoints</t>
  </si>
  <si>
    <t>com.sap.scenarios.erp2cod.replicateregisteredproducts</t>
  </si>
  <si>
    <t>/cxf/COD/ERP/ReplicateSalesOrderAttachment</t>
  </si>
  <si>
    <t>/cxf/COD/ERP/ConfirmCustomerOrderReplication</t>
  </si>
  <si>
    <t>com.sap.scenarios.erp2cod.simpleconnectivity</t>
  </si>
  <si>
    <t>com.sap.scenarios.cod2erp.querycustomerfactsheet.request</t>
  </si>
  <si>
    <t>Replicate Business Partner Address to SAP ERP</t>
  </si>
  <si>
    <t>Replicate Business Partner Contact Address to SAP ERP</t>
  </si>
  <si>
    <t>Replicate Business Partner to SAP ERP</t>
  </si>
  <si>
    <t>Check Connectivity from External System</t>
  </si>
  <si>
    <t>Replicate Business Partner Contact Address from SAP ERP</t>
  </si>
  <si>
    <t>Replicate Business Partner Address from SAP ERP</t>
  </si>
  <si>
    <t>Replicate Business Partner from SAP ERP</t>
  </si>
  <si>
    <t>Employee Replication from SAP Business Suite</t>
  </si>
  <si>
    <t>Replicate Material from SAP Business Suite</t>
  </si>
  <si>
    <t>Create Opportunity Follow Up Document in SAP Business Suite</t>
  </si>
  <si>
    <t>Creation of Opportunity Follow Up Document in SAP Business Suite</t>
  </si>
  <si>
    <t>Notify Sales Quote of Sales Order Creation in SAP Business Suite</t>
  </si>
  <si>
    <t>Creation of Sales Quote Follow Up Document in SAP Business Suite</t>
  </si>
  <si>
    <t>Replicate Organisational Centre from SAP Business Suite</t>
  </si>
  <si>
    <t>Business Document Flow Query from SAP Business Suite</t>
  </si>
  <si>
    <t>cxf/COD/ERP/OPPORTUNITY_FOLLOWUP</t>
  </si>
  <si>
    <t>/cxf/ERP/COD/HRMD_A_CFS.HRMD_A07</t>
  </si>
  <si>
    <t>cxf/ERP/COD/COD_CUSTHIERMAS.COD_CUSTHIERMAS01</t>
  </si>
  <si>
    <t>Business Partner Replication from SAP ERP</t>
  </si>
  <si>
    <t>/cxf/ERP/COD/ADR3MAS.ADR3MAS03</t>
  </si>
  <si>
    <t>/cxf/ERP/COD/DEBMAS_CFS.DEBMAS06</t>
  </si>
  <si>
    <t>Material Replication from SAP Business Suite</t>
  </si>
  <si>
    <t>/cxf/ERP/COD/MATMAS_CFS.MATMAS05</t>
  </si>
  <si>
    <t>/cxf/ERP/COD/COD_ERP_SD_ORGS_SAVE.COD_ERP_SD_ORGS_SAVE01</t>
  </si>
  <si>
    <t>/cxf/ERP/COD/ADRMAS.ADRMAS03</t>
  </si>
  <si>
    <t>/cxf/ERP/COD/COD_OPPT_CONF.ORDERS05</t>
  </si>
  <si>
    <t>Print Preview of Business Documents in SAP Business Suite</t>
  </si>
  <si>
    <t>/cxf/ERP/COD/COD_SERVICE_REQUEST_CONF.ORDERS05</t>
  </si>
  <si>
    <t>/cxf/COD/ERP/DOC_PRINT_PREVIEW</t>
  </si>
  <si>
    <t>com.sap.scenarios.cod2erp.businessdocumentprintpreview.request</t>
  </si>
  <si>
    <t>/cxf/ERP/COD/COD_REPLICATE_SALES_ORDER01</t>
  </si>
  <si>
    <t>/cxf/ERP/COD/COD_FUNCTIONAL_LOCATION_SAVE01</t>
  </si>
  <si>
    <t>ServiceRequestRequestExternalSalesDocumentDataOut</t>
  </si>
  <si>
    <t>/cxf/COD/ERP/ExternalSalesDocumentDataQueryFromServiceRequest</t>
  </si>
  <si>
    <t>com.sap.scenarios.cod2erp.queryexternalsalesdocumentdata</t>
  </si>
  <si>
    <t>/cxf/ERP/COD/COD_CUST_MAT_INFO.COD_CUST_MAT_INFO01</t>
  </si>
  <si>
    <t>/cxf/ERP/COD/COD_EQUIPMENT_SAVE.COD_EQUIPMENT_SAVE01</t>
  </si>
  <si>
    <t> com.sap.scenarios.cod2erp.businessdocumentflowquery.sync</t>
  </si>
  <si>
    <t>com.sap.scenarios.erp2cod.salesorderreplication</t>
  </si>
  <si>
    <t>com.sap.scenarios.erp2cod.customermaterialinforecordreplication</t>
  </si>
  <si>
    <t>Replicate Business Activity to SAP Business Suite</t>
  </si>
  <si>
    <t>Replicate Business Partner Relationship to SAP Business Suite</t>
  </si>
  <si>
    <t>Confirm Business Partner Replication to SAP Business Suite</t>
  </si>
  <si>
    <t>Replicate Business Partner to SAP Business Suite</t>
  </si>
  <si>
    <t>Replicate Lead to SAP Business Suite</t>
  </si>
  <si>
    <t>Confirm Lead Replication to SAP Business Suite</t>
  </si>
  <si>
    <t>Notify Lead Status Change to the SAP Business Suite</t>
  </si>
  <si>
    <t>Replicate Opportunity to SAP Business Suite</t>
  </si>
  <si>
    <t>Confirm Opportunity Replication to SAP Business Suite</t>
  </si>
  <si>
    <t>Replicate Opportunity Attachment Folder to SAP Business Suite</t>
  </si>
  <si>
    <t>Delegate Service Request to SAP Business Suite</t>
  </si>
  <si>
    <t>Replicate Campaign from the SAP Business Suite</t>
  </si>
  <si>
    <t>Replicate Product Category from the SAP Business Suite</t>
  </si>
  <si>
    <t>Replicate Sales Territory from SAP Business Suite</t>
  </si>
  <si>
    <t>Replicate Business Partner Relationship from SAP Business Suite</t>
  </si>
  <si>
    <t>Replicate Business Attribute Assignment to SAP Business Suite</t>
  </si>
  <si>
    <t>Replicate Business Attribute Assignment from SAP Business Suite</t>
  </si>
  <si>
    <t>Replicate Business Attribute Set from SAP Business Suite</t>
  </si>
  <si>
    <t>Replicate Business Attribute from SAP Business Suite</t>
  </si>
  <si>
    <t>Promotion</t>
  </si>
  <si>
    <t>Promotion Attachment replication</t>
  </si>
  <si>
    <t>(/p1:AttachmentFolderBulkReplicateRequest/AttachmentFolderReplicateRequestMessage/AttachmentFolder/HostObjectReference/ObjectTypeCode = '2091')</t>
  </si>
  <si>
    <t>Promotion Replication Confirmation to SAP CRM</t>
  </si>
  <si>
    <t>Promotion Replication</t>
  </si>
  <si>
    <t>PromotionConfirmationOut</t>
  </si>
  <si>
    <t>CRMPCD_MKT_PLAN_SAVE_M.CRMPCD_MKT_PLAN_SAVE_M01</t>
  </si>
  <si>
    <t> Promotion Replication from SAP Business Suite</t>
  </si>
  <si>
    <t>com.sap.scenarios.cod2crm.promotion.confirmation</t>
  </si>
  <si>
    <t>Replicate Promotion from Business Suite</t>
  </si>
  <si>
    <t>PromotionReplicationIn</t>
  </si>
  <si>
    <t>Promotion Replication From SAP Business Suite</t>
  </si>
  <si>
    <t>Promotion Replication from SAP Business Suite</t>
  </si>
  <si>
    <t>Replicate Promotion Attachment Folder from External</t>
  </si>
  <si>
    <t>CRM_COD_Promotion_Replication</t>
  </si>
  <si>
    <t>COD_CRM_Promotion_Confirmation</t>
  </si>
  <si>
    <t>com.sap.scenarios.crm2cod.promotion.replication</t>
  </si>
  <si>
    <t>/cxf/CRM/COD/ATTACHMENT_REPLICATION</t>
  </si>
  <si>
    <t>/cxf/COD/CRM/PROMOTION_CONFIRMATION</t>
  </si>
  <si>
    <t>/cxf/CRM/COD/CRMPCD_MKT_PLAN_SAVE_M01</t>
  </si>
  <si>
    <t>com.sap.scenarios.cod2crm.querycustomerfactsheet.request</t>
  </si>
  <si>
    <t>/cxf/CRM/COD/CRMPCD_EMPLOYEE_SAVE.CRMPCD_EMPLOYEE_SAVE01</t>
  </si>
  <si>
    <t>/cxf/CRM/COD/CRMPCD_ORG_UNIT_SAVE.CRMPCD_ORG_UNIT_SAVE01</t>
  </si>
  <si>
    <t>/cxf/CRM/COD/CRMPCD_PROD_HIER_SAVE.CRMPCD_PROD_HIER_SAVE01</t>
  </si>
  <si>
    <t>/cxf/CRM/COD/CRMPCD_TERRITORY_SAVE.CRMPCD_TERRITORY_SAVE02</t>
  </si>
  <si>
    <t>/cxf/CRM/COD/CRMXIF_ORDER_SAVE_M.CRMXIF_ORDER_SAVE_U01</t>
  </si>
  <si>
    <t>/cxf/CRM/COD/CRMXIF_PARTNER_REL_SAVE_M.CRMXIF_PARTNER_REL_SAVE_M02</t>
  </si>
  <si>
    <t>/cxf/CRM/COD/CRMXIF_PARTNER_SAVE_M.CRMXIF_PARTNER_SAVE_M03</t>
  </si>
  <si>
    <t>/cxf/CRM/COD/CRMXIF_PRODUCT_MATERIAL_SAVE.CRMXIF_PRODUCT_MATERIAL_SAVE02</t>
  </si>
  <si>
    <t>/cxf/CRM/COD/CLFMAS.CLFMAS02</t>
  </si>
  <si>
    <t>/cxf/CRM/COD/CLSMAS.CLSMAS04</t>
  </si>
  <si>
    <t>/cxf/CRM/COD/CHRMAS.CHRMAS04</t>
  </si>
  <si>
    <t>/cxf/CRM/COD/CRMPCD_CAMPAIGN_SAVE.CRMPCD_CAMPAIGN_SAVE01</t>
  </si>
  <si>
    <t xml:space="preserve">No Mapping </t>
  </si>
  <si>
    <t>ERP_COD_Business_Attribute_Replicate_Bulk</t>
  </si>
  <si>
    <t>Measurement Point</t>
  </si>
  <si>
    <t>C4C 15/08</t>
  </si>
  <si>
    <t>Measurement Document</t>
  </si>
  <si>
    <t>COD_MEASURING_POINT_SAVE.COD_MEASURING_POINT_SAVE01</t>
  </si>
  <si>
    <t>COD_MEASUREMENT_DOC_SAVE.COD_MEASUREMENT_DOC_SAVE01</t>
  </si>
  <si>
    <t>MeasurementDocumentReplicationInitiatedByExternalIn</t>
  </si>
  <si>
    <t>MeasurementPointReplicationInitiatedbyExternalIn</t>
  </si>
  <si>
    <t>Measurement Point and Measurement Document Replication from SAP Business Suite</t>
  </si>
  <si>
    <t>Measurement Document Replication Initiated by External In</t>
  </si>
  <si>
    <t>Measurement Point Replication Initiated by External In</t>
  </si>
  <si>
    <t>/cxf/ERP/COD/CHRMAS.CHRMAS04</t>
  </si>
  <si>
    <t>/cxf/ERP/COD/COD_MEASUREMENT_DOC_SAVE01</t>
  </si>
  <si>
    <t>/cxf/ERP/COD/COD_MEASURING_POINT_SAVE01</t>
  </si>
  <si>
    <t>ERP_COD_MeasurementPointBulkReplicateRequest</t>
  </si>
  <si>
    <t>ERP_COD_MeasurementDocumentBulkReplicateRequest</t>
  </si>
  <si>
    <t>LeanLeadReplicationInitiatedByExternalIn</t>
  </si>
  <si>
    <t>Lead Replication from SAP Business Suite</t>
  </si>
  <si>
    <t>Price Specification</t>
  </si>
  <si>
    <t xml:space="preserve">COND_A.COND_A04
</t>
  </si>
  <si>
    <t>Price Condition Replication from SAP Business Suite</t>
  </si>
  <si>
    <t>com.sap.scenarios.erp2cod.businessattributereplication</t>
  </si>
  <si>
    <t>com.sap.scenarios.erp2cod.measurementdocumentreplication</t>
  </si>
  <si>
    <t>com.sap.scenarios.erp2cod.measurementpointreplication</t>
  </si>
  <si>
    <t>com.sap.scenarios.erp2cod.priceconditionreplication</t>
  </si>
  <si>
    <t>Contract</t>
  </si>
  <si>
    <t>Replicate Contract to SAP Business Suite</t>
  </si>
  <si>
    <t>Request Contract Data from SAP Business Suite</t>
  </si>
  <si>
    <t>ContractReplicationExternalOut</t>
  </si>
  <si>
    <t>ContractRequestExternalSalesDocumentDataOut</t>
  </si>
  <si>
    <t>COD_CONTRACT_SIMULATE</t>
  </si>
  <si>
    <t>COD_CONTRACT_CREATEFROM_DAT.COD_CONTRACT_CREATEFROM_DAT01</t>
  </si>
  <si>
    <t>/cxf/ERP/COD/COD_CONTRACT_CREATEFROM_DAT01</t>
  </si>
  <si>
    <t>/cxf/COD/ERP/ContractReplicationExternalOut</t>
  </si>
  <si>
    <t>COD_ERP_ContractReplication</t>
  </si>
  <si>
    <t>ERP_COD_ContractReplication</t>
  </si>
  <si>
    <t>com.sap.scenarios.cod2erp.contractreplication</t>
  </si>
  <si>
    <t>com.sap.scenarios.cod2erp.querycontractdatawithpricing.request</t>
  </si>
  <si>
    <t>com.sap.scenarios.erp2cod.contractreplication</t>
  </si>
  <si>
    <t>/cxf/COD/ERP/ContractDataQueryResponse</t>
  </si>
  <si>
    <t>ContractReplicationFromExtIn</t>
  </si>
  <si>
    <t>/cxf/ERP/COD/COND_A.COND_A04</t>
  </si>
  <si>
    <t>Check Connectivity from SAP Business Suite</t>
  </si>
  <si>
    <t>Check connectivity with SAP Business Suite</t>
  </si>
  <si>
    <t>Replicate Installation Point from SAP Business Suite</t>
  </si>
  <si>
    <t>Replicate Measurement Document from SAP Business Suite</t>
  </si>
  <si>
    <t>Replicate Measurement Point from SAP Business Suite</t>
  </si>
  <si>
    <t>Replicate Price Condition from SAP Business Suite</t>
  </si>
  <si>
    <t>com.sap.scenarios.cod2erp.salesquotefollowup.request</t>
  </si>
  <si>
    <t>Replicate Contract Attachment to SAP Business Suite</t>
  </si>
  <si>
    <t>C4C 15/11</t>
  </si>
  <si>
    <t>ReplicateContractAttachmentToExternal</t>
  </si>
  <si>
    <t>ContractAttachmentFolderReplicationRequest_In</t>
  </si>
  <si>
    <t>/cxf/COD/ERP/ContractAttachment</t>
  </si>
  <si>
    <t>com.sap.scenarios.cod2erp.contractattachment.replicate</t>
  </si>
  <si>
    <t>Activity</t>
  </si>
  <si>
    <t>Business Activity Replication to SAP Business Suite</t>
  </si>
  <si>
    <t>yMKT</t>
  </si>
  <si>
    <t>CUAN_BUSINESS_DOCUMENT_IMP_SRV</t>
  </si>
  <si>
    <t>COD_CUAN_Activity_Replicate_Bulk</t>
  </si>
  <si>
    <t>com.sap.scenarios.c4c2ymkt.activityreplication</t>
  </si>
  <si>
    <t>p1:ActivityReplicationRequest/ActivityReplicateRequest/ActivityReplicateRequest/TypeCode = 86 and /p1:ActivityReplicationRequest/ActivityReplicateRequest/ActivityReplicateRequest/BusinessTransactionDocumentReference/BusinessTransactionDocumentReference/TypeCode = 64</t>
  </si>
  <si>
    <t>COD_CUAN_Lead_Replicate_Bulk_Confirmation</t>
  </si>
  <si>
    <t>com.sap.scenarios.c4c2ymkt.leadconfirmation</t>
  </si>
  <si>
    <t>Lead Replication to SAP Business Suite</t>
  </si>
  <si>
    <t>LeadReplicationRequest_Out</t>
  </si>
  <si>
    <t>/cxf/yMKT/C4C/LeadReplicationRequest_Out</t>
  </si>
  <si>
    <t>CUAN_COD_Lean_Lead_Replicate_Bulk2</t>
  </si>
  <si>
    <t>com.sap.scenarios.ymkt2c4c.leanleadreplication</t>
  </si>
  <si>
    <t>Replicate Marketing Lead to SAP Business Suite</t>
  </si>
  <si>
    <t>LeanLeadReplicationOut</t>
  </si>
  <si>
    <t>/cxf/C4C/yMKT/LeanLeadReplicationBulkReplicateRequest</t>
  </si>
  <si>
    <t>COD_CUAN_Lean_Lead_Replicate_Bulk</t>
  </si>
  <si>
    <t>com.sap.scenarios.c4c2ymkt.leanleadreplication</t>
  </si>
  <si>
    <t>Replicate Lead with Business Partner Address Information from SAP Business Suite</t>
  </si>
  <si>
    <t>/cxf/C4C/yMKT/ActivityReplicationToExtOut</t>
  </si>
  <si>
    <t>/cxf/C4C/yMKT/LeadReplicationInitiatedByExternalOut</t>
  </si>
  <si>
    <t>Business Partner Replication to SAP Business Suite</t>
  </si>
  <si>
    <t>C4C 16/02</t>
  </si>
  <si>
    <t>CUAN_BUSINESS_PARTNER_IMP_SRV</t>
  </si>
  <si>
    <t>COD_CUAN_Business_Partner_Replicate_Bulk</t>
  </si>
  <si>
    <t>com.sap.scenarios.c4c2ymkt.businesspartnerreplicate</t>
  </si>
  <si>
    <t>COD_CUAN_Business_Partner_Relationship_Replicate_Bulk</t>
  </si>
  <si>
    <t>com.sap.scenarios.c4c2ymkt.businesspartnerrelationshipreplicate</t>
  </si>
  <si>
    <t>Opportunity Replication to SAP Business Suite</t>
  </si>
  <si>
    <t>com.sap.scenarios.c4c2ymkt.opportunityreplicate</t>
  </si>
  <si>
    <t>ERP_COD_FollowupDocumentFromServiceRequestConfirmation</t>
  </si>
  <si>
    <t>Replicate Business Activity from SAP Business Suite</t>
  </si>
  <si>
    <t>Business Activity Replication from SAP Business Suite</t>
  </si>
  <si>
    <t>Confirm Business Activity Replication to SAP Business Suite</t>
  </si>
  <si>
    <t>C4C 16/05</t>
  </si>
  <si>
    <t>/cxf/C4C/yMKT/ActivityReplicationConfirmation</t>
  </si>
  <si>
    <t>/cxf/yMKT/C4C/ActivityReplicationOut</t>
  </si>
  <si>
    <t>/cxf/C4C/yMKT/OpportunityRelicationOut</t>
  </si>
  <si>
    <t>/cxf/C4C/yMKT/BusinessPartnerRelationshipReplicationSelfInitiatedOut</t>
  </si>
  <si>
    <t>/cxf/C4C/yMKT/BusinessPartnerReplicationSelfInitiatedOut</t>
  </si>
  <si>
    <t>COD_CUAN_ActivityReplicationConfirmation</t>
  </si>
  <si>
    <t>CUAN_COD_ActivityReplication</t>
  </si>
  <si>
    <t>com.sap.scenarios.c4c2ymkt.activityreplicationconfirmation</t>
  </si>
  <si>
    <t>com.sap.scenarios.ymkt2c4c.activityreplication</t>
  </si>
  <si>
    <t>Business Partner Replication from SAP Business Suite</t>
  </si>
  <si>
    <t>ActivityReplicationOut</t>
  </si>
  <si>
    <t>ActivitiyReplicationConfirmationInitiatedByExternalOut</t>
  </si>
  <si>
    <t>S/4</t>
  </si>
  <si>
    <t>BusinessPartnerSUITEBulkReplicateConfirmation_In</t>
  </si>
  <si>
    <t>FollowupDocumentCreationRequestFromOpportunityCreationOut</t>
  </si>
  <si>
    <t>SALESORDER_CREATEFROMDAT2.SALESORDER_CREATEFROMDAT204</t>
  </si>
  <si>
    <t>BusinessPartnerSUITEBulkReplicateRequest_Out</t>
  </si>
  <si>
    <t>BusinessPartnerRelationshipSUITEBulkReplicateRequest_Out</t>
  </si>
  <si>
    <t>MaterialReplicationInitiatedByExternalIn</t>
  </si>
  <si>
    <t>Material</t>
  </si>
  <si>
    <t>com.sap.scenarios.c4c2s4.businesspartnerconfirmation.replicate</t>
  </si>
  <si>
    <t>com.sap.scenarios.c4c2s4.opportunityfollowupdocument.replicate</t>
  </si>
  <si>
    <t>Sales Quote</t>
  </si>
  <si>
    <t>com.sap.scenarios.s42c4c.businesspartner.replicate</t>
  </si>
  <si>
    <t>com.sap.scenarios.s42c4c.businesspartnerrelationship.replicate</t>
  </si>
  <si>
    <t>com.sap.scenarios.s42c4c.material.replicate</t>
  </si>
  <si>
    <t>com.sap.scenarios.s42c4c.followupdocumentnotification</t>
  </si>
  <si>
    <t>Create Ticket Follow Up Document in SAP Business Suite</t>
  </si>
  <si>
    <t>Notify Ticket of Follow Up Document from SAP Business Suite</t>
  </si>
  <si>
    <t>Request Sales Document Data from SAP Business Suite</t>
  </si>
  <si>
    <t>Request Ticket Data from SAP Business Suite</t>
  </si>
  <si>
    <t>Creation of Ticket Follow Up Document in SAP Business Suite</t>
  </si>
  <si>
    <t>Product Category Replication from SAP Business Suite</t>
  </si>
  <si>
    <t>com.sap.scenarios.c4c2s4.quotefollowupdocumentreq</t>
  </si>
  <si>
    <t>com.sap.scenarios.c4c2s4.servicerequestfollowupdocumentReq</t>
  </si>
  <si>
    <t>com.sap.scenarios.s42c4c.servicerequestfollowupnotifcication</t>
  </si>
  <si>
    <t>com.sap.scenarios.s42c4c.productcategory.replicate</t>
  </si>
  <si>
    <t>com.sap.scenarios.c4c2s4.documentprintpreviewquery.sync</t>
  </si>
  <si>
    <t>com.sap.scenarios.c4c2s4.documentflowquery.sync</t>
  </si>
  <si>
    <t>com.sap.scenarios.c4c2s4.salesdocumentsimulatequery.sync</t>
  </si>
  <si>
    <t>com.sap.scenarios.c4c2s4.salesorderpricinginformationquery.sync</t>
  </si>
  <si>
    <t>com.sap.scenarios.c4c2s4.serviceticketquery.sync</t>
  </si>
  <si>
    <t>C4C_S4_CustomerQuoteFollowupBusinessTransactionDocumentReq</t>
  </si>
  <si>
    <t>C4C_S4_ServiceRequestConfirmationProcessingRequest</t>
  </si>
  <si>
    <t>S4_C4C_FollowupDocumentFromServiceRequestConfirmation</t>
  </si>
  <si>
    <t>S4_C4C_ProductCategory_Replicate</t>
  </si>
  <si>
    <t>C4C_S4_DocumentPrintPreviewRequest</t>
  </si>
  <si>
    <t>C4C_S4_DocumentFlowRequest</t>
  </si>
  <si>
    <t>COD_SERVICE_CONFIRMATION.COD_SERVICE_CONFIRMATION02</t>
  </si>
  <si>
    <t>Ticket</t>
  </si>
  <si>
    <t>COD_PRODUCT_CATEGORY_SAVE.COD_PRODUCT_CATEGORY_SAVE01</t>
  </si>
  <si>
    <t>ProductCategoryHierarchyReplicationInitiatedbyExternalIn</t>
  </si>
  <si>
    <t>BusinessDocumentFlowQuery</t>
  </si>
  <si>
    <t>COD_ERP_GET_DOC_FLOW</t>
  </si>
  <si>
    <t>Replicate Contract from SAP Business Suite</t>
  </si>
  <si>
    <t>Contract Replication from and to SAP Business Suite</t>
  </si>
  <si>
    <t>Confirm Contract Replication to SAP Business Suite</t>
  </si>
  <si>
    <t>ContractConfirmationOut</t>
  </si>
  <si>
    <t>COD_CONTRACT_CONFIRMATION.COD_CONTRACT_CREATEFROM_DAT01</t>
  </si>
  <si>
    <t>/COD/ERP/ConfirmationContractReplication</t>
  </si>
  <si>
    <t>COD_ERP_ContractConfirmation</t>
  </si>
  <si>
    <t>com.sap.scenarios.cod2erp.contractconfirmation</t>
  </si>
  <si>
    <t>MaterialReplicateConfirmationOut</t>
  </si>
  <si>
    <t>COD_CONFIRM_CREATEFROMDAT.COD_CONFIRM_CREATEFROMDAT01</t>
  </si>
  <si>
    <t>/COD/ERP/ConfirmMaterialReplication</t>
  </si>
  <si>
    <t>COD_ERP_MaterialReplicationConfirmation</t>
  </si>
  <si>
    <t>com.sap.scenarios.cod2erp.materialreplicationconfirmation</t>
  </si>
  <si>
    <t>ERP_COD_ProductCategory_Replicate</t>
  </si>
  <si>
    <t>/ERP/COD/COD_PRODUCT_CATEGORY_SAVE.COD_PRODUCT_CATEGORY_SAVE01</t>
  </si>
  <si>
    <t>com.sap.scenarios.erp2cod.productcategory.replicate</t>
  </si>
  <si>
    <t>com.sap.scenarios.erp2cod.stock.replicate</t>
  </si>
  <si>
    <t>StockLocationReplicationIn</t>
  </si>
  <si>
    <t>COD_STOCK_REPLICATE.COD_STOCK_REPLICATE01</t>
  </si>
  <si>
    <t>ERP_COD_StockReplication</t>
  </si>
  <si>
    <t>/ERP/COD/COD_STOCK_REPLICATE.COD_STOCK_REPLICATE01</t>
  </si>
  <si>
    <t>Stock Location Replication from SAP Business Suite</t>
  </si>
  <si>
    <t>Replicate Stock Location from SAP Business Suite</t>
  </si>
  <si>
    <t>Stock Location</t>
  </si>
  <si>
    <t>Replicate Attachment from SAP Business Suite</t>
  </si>
  <si>
    <t>com.sap.scenarios.erp2cod.attachmentreplication</t>
  </si>
  <si>
    <t>Campaign Replication from SAP Business Suite</t>
  </si>
  <si>
    <t>/cxf/CRM/COD/CRMPCD_MKT_PLAN_SAVE_M.CRMPCD_MKT_PLAN_SAVE_M01</t>
  </si>
  <si>
    <t>CRM_COD_Campaign_Replication2</t>
  </si>
  <si>
    <t>com.sap.scenarios.crm2cod.campaign.replication</t>
  </si>
  <si>
    <t>com.sap.scenarios.crm2cod.campaign.replicate(Deprecated)</t>
  </si>
  <si>
    <t>Replicate Lead Attachment to SAP Business Suite</t>
  </si>
  <si>
    <t>LeadAttachmentFolderReplicationOut</t>
  </si>
  <si>
    <t>/cxf/COD/CRM/RequestLeadAttachmentFolderReplication</t>
  </si>
  <si>
    <t>com.sap.scenarios.cod2crm.leadattachment.replication</t>
  </si>
  <si>
    <t>ERP</t>
  </si>
  <si>
    <t>Query Customer Quotes in SAP ERP</t>
  </si>
  <si>
    <t>Query Sales Orders in SAP ERP</t>
  </si>
  <si>
    <t>Sales Document Query in SAP ERP</t>
  </si>
  <si>
    <t>Check Connectivity to SAP Business Suite</t>
  </si>
  <si>
    <t>Request Exchange Rate from SAP Business Suite</t>
  </si>
  <si>
    <t>CRM_COD_Business_Activity_Replicate_Bulk</t>
  </si>
  <si>
    <t>CRM_COD_Lead_Replicate_Bulk</t>
  </si>
  <si>
    <t>COD_CRM_Lead_Replicate</t>
  </si>
  <si>
    <t>Notification of Opportunity or Sales Quote of Follow Up Document in SAP Business Suite</t>
  </si>
  <si>
    <t>Replicate Employee from SAP Business Suite</t>
  </si>
  <si>
    <t>Replicate Business Activity Attachment to SAP Business Suite</t>
  </si>
  <si>
    <t xml:space="preserve">Business Activity Replication to SAP Business Suite
</t>
  </si>
  <si>
    <t>C4C 16/08</t>
  </si>
  <si>
    <t>ActivityAttachmentFolderReplicationOut</t>
  </si>
  <si>
    <t>/cxf/COD/CRM/RequestActivityAttachmentFolderReplication</t>
  </si>
  <si>
    <t>com.sap.scenarios.cod2crm.businessactivityattachment.replication</t>
  </si>
  <si>
    <t>ActivityAttachmentFolderReplicationInitiatedByExternalIn</t>
  </si>
  <si>
    <t>com.sap.scenarios.crm2cod.attachmentreplication</t>
  </si>
  <si>
    <t>nm:AttachmentFolderBulkReplicateRequest/AttachmentFolderReplicateRequestMessage/AttachmentFolder/HostObjectReference/[ObjectTypeCode = '1783' or ObjectTypeCode = '542']</t>
  </si>
  <si>
    <t>Opportunity Bulk Confirmation to SAP Business Suite</t>
  </si>
  <si>
    <t xml:space="preserve">Opportunity Replication from SAP Business Suite
</t>
  </si>
  <si>
    <t>OpportunityBulkReplicationInitiatedByExternalOut</t>
  </si>
  <si>
    <t>Opportunity Replication from SAP Business Suite</t>
  </si>
  <si>
    <t>/COD/CRM/ConfirmOpportunityBulkReplication</t>
  </si>
  <si>
    <t xml:space="preserve"> COD_CRM_Opportunity_Confirmation_Bulk</t>
  </si>
  <si>
    <t>com.sap.scenarios.cod2crm.opportunitybulk.confirmation</t>
  </si>
  <si>
    <t>Replicate Bulk Opportunity to SAP Business Suite</t>
  </si>
  <si>
    <t xml:space="preserve">Opportunity Replication to SAP Business Suite
</t>
  </si>
  <si>
    <t>OpportunityBulkReplicationOut</t>
  </si>
  <si>
    <t xml:space="preserve">CRMXIF_ORDER_SAVE_M.CRMXIF_ORDER_SAVE_U01
</t>
  </si>
  <si>
    <t>/COD/CRM/RequestBulkOpportunityReplication</t>
  </si>
  <si>
    <t xml:space="preserve"> COD_CRM_Opportunity_Replicate_Bulk</t>
  </si>
  <si>
    <t>com.sap.scenarios.cod2crm.opportunitybulk.replicate</t>
  </si>
  <si>
    <t xml:space="preserve">Replicate Business Partner Attachment from SAP ERP
</t>
  </si>
  <si>
    <t>BusinessPartnerAttachmentFolderReplicationIn</t>
  </si>
  <si>
    <t xml:space="preserve">com.sap.scenarios.crm2cod.attachmentreplication
</t>
  </si>
  <si>
    <t>nm:AttachmentFolderBulkReplicateRequest/AttachmentFolderReplicateRequestMessage/AttachmentFolder/HostObjectReference/ObjectTypeCode = '441'</t>
  </si>
  <si>
    <t>Confirm Material Replication to SAP Business Suite</t>
  </si>
  <si>
    <t>C4C 16/11</t>
  </si>
  <si>
    <t>/cxf/C4C/S4/ContractRequestExternalSalesDocumentDataOut</t>
  </si>
  <si>
    <t>com.sap.scenarios.c4c2s4.contract.simulation</t>
  </si>
  <si>
    <t>Request Sales Order Pricing from SAP Business Suite</t>
  </si>
  <si>
    <t>Opportunity with Sales Order Pricing in SAP Business Suite</t>
  </si>
  <si>
    <t xml:space="preserve"> Request Sales Order Pricing from SAP Business Suite</t>
  </si>
  <si>
    <t>/cxf/S4/C4C/HRMD_A_CFS.HRMD_A09</t>
  </si>
  <si>
    <t>HRMD_A_CFS.HRMD_A09</t>
  </si>
  <si>
    <t>Replicate Organizational Center from SAP Business Suite</t>
  </si>
  <si>
    <t>Organizational Center Replication from SAP Business Suite</t>
  </si>
  <si>
    <t>/cxf/S4/C4C/COD_ERP_SD_ORGS_SAVE.COD_ERP_SD_ORGS_SAVE01</t>
  </si>
  <si>
    <t>/cxf/S4/C4C/COD_FUNCTIONAL_LOCATION_SAVE.COD_FUNCTIONAL_LOCATION_SAVE01</t>
  </si>
  <si>
    <t>/cxf/S4/C4C/COD_EQUIPMENT_SAVE.COD_EQUIPMENT_SAVE01</t>
  </si>
  <si>
    <t>/cxf/S4/C4C/COD_CONTRACT_CREATEFROM_DAT.COD_CONTRACT_CREATEFROM_DAT01</t>
  </si>
  <si>
    <t>com.sap.scenarios.s42c4c.contract.replicate</t>
  </si>
  <si>
    <t>com.sap.scenarios.s42c4c.registeredproduct.replicate</t>
  </si>
  <si>
    <t>com.sap.scenarios.s42c4c.installationpoint.replicate</t>
  </si>
  <si>
    <t>com.sap.scenarios.s42c4c.orgunithierarchy.replicate</t>
  </si>
  <si>
    <t>S4_C4C_OrganisationUnitHierarchy_Replicate</t>
  </si>
  <si>
    <t>S4_C4C_InstallationPointBulkReplicateRequest</t>
  </si>
  <si>
    <t>S4_C4C_RegisteredProductBulkReplicateRequest</t>
  </si>
  <si>
    <t>S4_C4C_ContractReplication</t>
  </si>
  <si>
    <t>Confirm Business Partner Relationship Replication from SAP Business Suite</t>
  </si>
  <si>
    <t>Confirm Business Partner Replication from SAP Business Suite</t>
  </si>
  <si>
    <t>BusinessPartnerSUITEBulkReplicateConfirmation_Out</t>
  </si>
  <si>
    <t>/cxf/S4/C4C/BusinessPartnerSUITEBulkReplicateConfirmation_Out</t>
  </si>
  <si>
    <t>/cxf/S4/C4C/BusinessPartnerRelationshipSUITEBulkReplicateConfirmation_Out</t>
  </si>
  <si>
    <t>BusinessPartnerRelationshipSUITEBulkReplicateConfirmation_Out</t>
  </si>
  <si>
    <t>com.sap.scenarios.s42c4c.businesspartnerconfirmation.replicate</t>
  </si>
  <si>
    <t>com.sap.scenarios.s42c4c.businesspartnerrelationshipconfirmation.replicate</t>
  </si>
  <si>
    <t>BusinessPartnerReplicationSelfInitiatedIn</t>
  </si>
  <si>
    <t>BusinessPartnerRelationshipReplicationSelfInitiatedIn</t>
  </si>
  <si>
    <t>S4_C4C_BusinessPartnerReplication</t>
  </si>
  <si>
    <t>S4_C4C_BusinessPartnerRelationshipReplication</t>
  </si>
  <si>
    <t>Replicate Business Partner Direct Responsibility to SAP Business Suite</t>
  </si>
  <si>
    <t>com.sap.scenarios.c4c2s4.businesspartner.replicate</t>
  </si>
  <si>
    <t>com.sap.scenarios.c4c2s4.businesspartnerrelationship.replicate</t>
  </si>
  <si>
    <t>com.sap.scenarios.c4c2s4.businesspartnerdirectresponsibility.replicate</t>
  </si>
  <si>
    <t>C4C_S4_BusinessPartnerReplication</t>
  </si>
  <si>
    <t>C4C_S4_BusinessPartnerRelationshipReplication</t>
  </si>
  <si>
    <t>C4C_S4_BusinessPartnerDirectResponsibilityReplication</t>
  </si>
  <si>
    <t>/cxf/C4C/S4/BusinessPartnerReplicationSelfInitiatedOut</t>
  </si>
  <si>
    <t>/cxf/C4C/S4/BusinessPartnerRelationshipReplicationSelfInitiatedOut</t>
  </si>
  <si>
    <t>/cxf/C4C/S4/BusinessPartnerDirectResponsibilityReplication</t>
  </si>
  <si>
    <t>BusinessPartnerSUITEBulkReplicateRequest_In</t>
  </si>
  <si>
    <t>BusinessPartnerRelationshipSUITEBulkReplicateRequest_In</t>
  </si>
  <si>
    <t>/cxf/C4C/S4/ContractReplicationExternalOut</t>
  </si>
  <si>
    <t>C4C_S4_ContractReplication</t>
  </si>
  <si>
    <t>com.sap.scenarios.c4c2s4.contract.replicate</t>
  </si>
  <si>
    <t>com.sap.scenarios.c4c2s4.contractconfirmation.replicate</t>
  </si>
  <si>
    <t>C4C_S4_ContractConfirmation</t>
  </si>
  <si>
    <t>/cxf/C4C/S4/ContractConfirmationOut</t>
  </si>
  <si>
    <t>Replicate Business Partner Attachment to SAP Business Suite</t>
  </si>
  <si>
    <t xml:space="preserve">Business Partner Replication to SAP Business Suite
</t>
  </si>
  <si>
    <t>BusinessPartnerAttachmentFolderReplicationOut</t>
  </si>
  <si>
    <t>/cxf/COD/CRM/RequestBusinessPartnerAttachmentFolderReplication</t>
  </si>
  <si>
    <t>com.sap.scenarios.cod2crm.BusinessPartnerAttachment.replication</t>
  </si>
  <si>
    <t>COD_ERP_BusinessAttributeAssignmentReplicationRequestOut</t>
  </si>
  <si>
    <t>ERP_COD_Business_Attribute_Assignment</t>
  </si>
  <si>
    <t>com.sap.scenarios.cod2erp.businessattributeassignment.replicate</t>
  </si>
  <si>
    <t>com.sap.scenarios.erp2cod.businessattributeassignment.replicate</t>
  </si>
  <si>
    <t>com.sap.scenarios.erp2cod.businessattributeset.replicate</t>
  </si>
  <si>
    <t>ERP_COD_Business_Attribute_Set_Replicate_Bulk</t>
  </si>
  <si>
    <t>Replicate Service Request Attachment to SAP Business Suite</t>
  </si>
  <si>
    <t>ServiceRequestAttachmentFolderReplicationOut</t>
  </si>
  <si>
    <t>/cxf/COD/ERP/BusinessAttributeAssignmentReplicationRequestOut</t>
  </si>
  <si>
    <t>/cxf/COD/ERP/ReplicateServiceRequestAttachmentFolder</t>
  </si>
  <si>
    <t>/cxf/ERP/COD/CLFMAS.CLFMAS02</t>
  </si>
  <si>
    <t>/cxf/ERP/COD/CLSMAS.CLSMAS04</t>
  </si>
  <si>
    <t>ServiceRequestAttachmentFolderReplicationRequest_In</t>
  </si>
  <si>
    <t>com.sap.scenarios.cod2erp.servicerequestattachment.replication</t>
  </si>
  <si>
    <t>Time Report</t>
  </si>
  <si>
    <t>Replicate Time Report to SAP Business Suite</t>
  </si>
  <si>
    <t>Time Report Replication to SAP Business Suite</t>
  </si>
  <si>
    <t>C4C 17/02</t>
  </si>
  <si>
    <t>TimeReportReplicationOut</t>
  </si>
  <si>
    <t>COD_CATS_TIME_REPORT.COD_CATS_TIME_REPORT01</t>
  </si>
  <si>
    <t>/cxf/ COD/ERP/TimeReportReplicationRequest</t>
  </si>
  <si>
    <t>COD_ERP_TimeReportReplication</t>
  </si>
  <si>
    <t xml:space="preserve">com.sap.scenarios.cod2erp.timereport.replicate
</t>
  </si>
  <si>
    <t>Following is the naming convention</t>
  </si>
  <si>
    <t>Request Sales Order Pricing in SAP Business Suite</t>
  </si>
  <si>
    <t xml:space="preserve">Opportunity with Sales Order Pricing in SAP Business Suite
</t>
  </si>
  <si>
    <t>/cxf/COD/CRM/PricingInformationRequest</t>
  </si>
  <si>
    <t>COD_CRM_Opportunity_Pricing</t>
  </si>
  <si>
    <t>com.sap.scenarios.cod2crm.querysalesorderpricing.request</t>
  </si>
  <si>
    <t xml:space="preserve">Synchronous Services </t>
  </si>
  <si>
    <t>C4C Web UI Name</t>
  </si>
  <si>
    <t>Description</t>
  </si>
  <si>
    <t>C4C Service Name</t>
  </si>
  <si>
    <t>PI Source Interface</t>
  </si>
  <si>
    <t>ERP Service Name</t>
  </si>
  <si>
    <t>PI Target Interface</t>
  </si>
  <si>
    <t>Process Integration Scenario in PI</t>
  </si>
  <si>
    <t>Operation Mapping in PI</t>
  </si>
  <si>
    <t>SOAP receiver Communication Channel Path</t>
  </si>
  <si>
    <t>Customer TI - Overview facet</t>
  </si>
  <si>
    <t>Gets customer related service orders, contract account, invoice, locks, payments</t>
  </si>
  <si>
    <t>Prior to 1605</t>
  </si>
  <si>
    <t>CO_UTILITIES_B2C_OVERVIEW</t>
  </si>
  <si>
    <t>Utilities_OverviewServiceDisplay_Out</t>
  </si>
  <si>
    <t>COD_UTILITIES_B2C_ISU_DETAILS</t>
  </si>
  <si>
    <t>Utilities_OverviewServiceDisplay_in</t>
  </si>
  <si>
    <t>ERP Utility Management Integration</t>
  </si>
  <si>
    <t>Utilities Overview Get</t>
  </si>
  <si>
    <t>COD_ERP_UtilitiesMasterDataSync</t>
  </si>
  <si>
    <t>ERP_COD_Utilities_OverviewServiceDisplay</t>
  </si>
  <si>
    <t>https://host:port/sap/bc/srt/rfc/sap/&lt;binding endpoint in ERP system&gt;</t>
  </si>
  <si>
    <t>Customer TI - Financial facet</t>
  </si>
  <si>
    <t>Gets meter reading from ERP</t>
  </si>
  <si>
    <t>CO_UTILITIES_BICO_MR_GET_OUT</t>
  </si>
  <si>
    <t>Utilities_BillCorrectionMeterReadingGet_Out</t>
  </si>
  <si>
    <t>COD_UTILITIES_BICO_MR_GET</t>
  </si>
  <si>
    <t>Utilities_BillCorrectionMeterReadingGet_In</t>
  </si>
  <si>
    <t>Utilities Bill Correction Invoice Meter Reading Get</t>
  </si>
  <si>
    <t>COD_ERP_Utilities_BillCorrectionMeterReadingGet</t>
  </si>
  <si>
    <t>performs Re-bill</t>
  </si>
  <si>
    <t>CO_UTILITIES_BICO_REBILL_OUT</t>
  </si>
  <si>
    <t>Utilities_BillCorrectionRebill_Out</t>
  </si>
  <si>
    <t>COD_UTILITIES_BICO_REBILL</t>
  </si>
  <si>
    <t>Utilities_BillCorrectionRebill_In</t>
  </si>
  <si>
    <t>Utility Bill Correction Rebill</t>
  </si>
  <si>
    <t>COD_ERP_Utilities_BillCorrectionRebill</t>
  </si>
  <si>
    <t>Customer TI - Multiple places</t>
  </si>
  <si>
    <t>Estimates meter reading</t>
  </si>
  <si>
    <t>CO_UTILITIES_MR_EST_OUT</t>
  </si>
  <si>
    <t>Utilities_Estimate_Service_Out</t>
  </si>
  <si>
    <t xml:space="preserve">COD_UTILITIES_MR_ESTIMATE </t>
  </si>
  <si>
    <t>Utilities_Estimate_Service_In</t>
  </si>
  <si>
    <t>Utilities Meter Reading Estimate with Validations</t>
  </si>
  <si>
    <t>COD_ERP_UtilitiesTransactionalData_Sync</t>
  </si>
  <si>
    <t>COD_ERP_Utilities_Estimate_Service</t>
  </si>
  <si>
    <t>Customer TI-Overview facet, financial, Contracts facet</t>
  </si>
  <si>
    <t>Gets customer related service orders, contract account, invoice, locks, payments, meter readings, account balance and due date</t>
  </si>
  <si>
    <t>CO_UTILITIES_ACCOUNT_OVERVIEW</t>
  </si>
  <si>
    <t>Utilities_Account_Overview_New_Out</t>
  </si>
  <si>
    <t xml:space="preserve">COD_UTILITIES_ACCOUNT_OVERVIEW </t>
  </si>
  <si>
    <t>Utilities_Account_Overview_New_In</t>
  </si>
  <si>
    <t>Utilities Account Overview</t>
  </si>
  <si>
    <t>COD_ERP_Utilities_Account_Overview_New</t>
  </si>
  <si>
    <t>Customer TI-Financial facet-Bill correction-Meter reading</t>
  </si>
  <si>
    <t>gets meter readings for Bills</t>
  </si>
  <si>
    <t>CO_UTILITIES_BICO_GET_MR_OUT</t>
  </si>
  <si>
    <t>Utilities_BillCorrectionGetMeterReading_New_Out</t>
  </si>
  <si>
    <t xml:space="preserve">COD_UTILITIES_BICO_GET_MR </t>
  </si>
  <si>
    <t>Utilities_BillCorrectionGetMeterReading_New_In</t>
  </si>
  <si>
    <t>Utilities BICO Get MR Overview</t>
  </si>
  <si>
    <t>COD_ERP_Utilities_BillCorrectionGetMeterReading_New</t>
  </si>
  <si>
    <t>Customer TI - 360-Find</t>
  </si>
  <si>
    <t>Find contract account</t>
  </si>
  <si>
    <t>CO_UTILITIES_FINDCA_OUT</t>
  </si>
  <si>
    <t>Utilities_FindContractAccount_New_Out</t>
  </si>
  <si>
    <t xml:space="preserve"> COD_UTILITIES_FINDCA</t>
  </si>
  <si>
    <t>Utilities_FindContractAccount_New_In</t>
  </si>
  <si>
    <t>Utilities_BPSearchCA</t>
  </si>
  <si>
    <t>COD_ERP_Utilities_FindContractAccount_New</t>
  </si>
  <si>
    <t>Find Premise</t>
  </si>
  <si>
    <t>CO_UTILITIES_FINDPREM_OUT</t>
  </si>
  <si>
    <t>Utilities_FindPremise_New_Out</t>
  </si>
  <si>
    <t>COD_UTILITIES_FINDPREM</t>
  </si>
  <si>
    <t>Utilities_FindPremise_New_In</t>
  </si>
  <si>
    <t>Utilities_BPSearchPremise</t>
  </si>
  <si>
    <t>COD_ERP_Utilities_FindPremise_New</t>
  </si>
  <si>
    <t>Create Bill</t>
  </si>
  <si>
    <t>CO_UTILITIES_CR_BLL_ACTION_OUT</t>
  </si>
  <si>
    <t>Utilities_CreateBillAction_Out</t>
  </si>
  <si>
    <t>COD_UTILITIES_CR_BILL_ACTION</t>
  </si>
  <si>
    <t>Utilities_CreateBillAction_In</t>
  </si>
  <si>
    <t>Utilities Create Billing Overview</t>
  </si>
  <si>
    <t>COD_ERP_Utilities_CreateBillAction</t>
  </si>
  <si>
    <t>Customer TI - Financial facet-create invoice with meter reading, only create invoice</t>
  </si>
  <si>
    <t>List out billing documents during create invoice</t>
  </si>
  <si>
    <t>CO_UTILITIES_GET_BLLNG_OVW_OUT</t>
  </si>
  <si>
    <t>Utilities_Billing_Overview_Out</t>
  </si>
  <si>
    <t>COD_UTILITIES_GET_BILLING_OVW</t>
  </si>
  <si>
    <t>Utilities_Billing_Overview_In</t>
  </si>
  <si>
    <t>Utilities Get Billing Overview</t>
  </si>
  <si>
    <t>COD_ERP_Utilities_Billing_Overview</t>
  </si>
  <si>
    <t>Customer TI - Contracts facet</t>
  </si>
  <si>
    <t>during move-in</t>
  </si>
  <si>
    <t>CO_UTILITIES_RATE_CAT_GET_OUT</t>
  </si>
  <si>
    <t>Utilities_Rate_Category_Out</t>
  </si>
  <si>
    <t>COD_UTILITIES_RATE_CAT_GET</t>
  </si>
  <si>
    <t>Utilities_Rate_Category_In</t>
  </si>
  <si>
    <t>Utilities Rate Category Fetch</t>
  </si>
  <si>
    <t>COD_ERP_Utilities_RateCategory</t>
  </si>
  <si>
    <t>Customer TI - create move-in for contract account F4, multiple places</t>
  </si>
  <si>
    <t>dropdowns</t>
  </si>
  <si>
    <t>CO_UTILITIES_VALUE_HELP_OUT</t>
  </si>
  <si>
    <t>Utilities_ValueHelp_New_Out</t>
  </si>
  <si>
    <t>COD_UTILITIES_VALUE_HELP</t>
  </si>
  <si>
    <t>Utilities_ValueHelp_New_In</t>
  </si>
  <si>
    <t>Utilities Value Help</t>
  </si>
  <si>
    <t>COD_ERP_Utilities_ValueHelp_New</t>
  </si>
  <si>
    <t>Customer TI- Service order facet</t>
  </si>
  <si>
    <t>Create, Edit, change service order</t>
  </si>
  <si>
    <t>CO_UTILITIES_SERVICE_ORDER_OUT</t>
  </si>
  <si>
    <t>Utilities_ServiceOrder_Out</t>
  </si>
  <si>
    <t>COD_UTILITIES_SERVICE_ORDER_CU</t>
  </si>
  <si>
    <t>Utilities_ServiceOrder_In</t>
  </si>
  <si>
    <t>Utilities Service ORder Create Change</t>
  </si>
  <si>
    <t>COD_ERP_Utilities_ServiceOrder</t>
  </si>
  <si>
    <t>Customer TI-Contracts facet</t>
  </si>
  <si>
    <t>Contract Account Create CA</t>
  </si>
  <si>
    <t>CO_UTILITIES_CA_OUT</t>
  </si>
  <si>
    <t>Utilities_ContractAccountCreate_Out</t>
  </si>
  <si>
    <t>COD_UTILITIES_CONTRACT_ACCOUNT</t>
  </si>
  <si>
    <t>Utilities_ContractAccountCreate_In</t>
  </si>
  <si>
    <t>Utilities Contract Account Outbound Service</t>
  </si>
  <si>
    <t>COD_ERP_Utilities_ContractAccountCreate</t>
  </si>
  <si>
    <t>Customer search</t>
  </si>
  <si>
    <t>Find accounts from ISU</t>
  </si>
  <si>
    <t>CO_UTILITY_ACCOUNT_SEARCH_OUT</t>
  </si>
  <si>
    <t>AccountSearchOut</t>
  </si>
  <si>
    <t>COD_UTILITIES_ACCOUNT_SEARCH</t>
  </si>
  <si>
    <t>AccountSearchIn</t>
  </si>
  <si>
    <t>Utility Account Search</t>
  </si>
  <si>
    <t>COD_ERP_AccountSearch</t>
  </si>
  <si>
    <t>Contract account locks</t>
  </si>
  <si>
    <t>CO_UTILITIES_LOCKS_OUT</t>
  </si>
  <si>
    <t>Utilities_Locks_Out</t>
  </si>
  <si>
    <t>COD_UTILITIES_LOCKS</t>
  </si>
  <si>
    <t>Utilities_Locks_In</t>
  </si>
  <si>
    <t>Utility Financial Lock</t>
  </si>
  <si>
    <t>COD_ERP_Utilities_Locks</t>
  </si>
  <si>
    <t>Cancel MVI, MVO</t>
  </si>
  <si>
    <t>CO_UTILITY_MVI_MVO_CANCEL_OUT</t>
  </si>
  <si>
    <t>Utilities_MoveInMoveOutCancel_Out</t>
  </si>
  <si>
    <t>COD_UTILITIES_ISUMVNOUT_CANCEL</t>
  </si>
  <si>
    <t>Utilities_MoveInMoveOutCancel_In</t>
  </si>
  <si>
    <t>Utility Move In Move Out Cancel</t>
  </si>
  <si>
    <t>COD_ERP_Utilities_MoveInMoveOutCancel</t>
  </si>
  <si>
    <t>Full reversal</t>
  </si>
  <si>
    <t>CO_UTILITIES_BICO_REVERSE_OUT</t>
  </si>
  <si>
    <t>Utilities_BillCorrectionReversal_Out</t>
  </si>
  <si>
    <t>COD_UTILITIES_BICO_REVERSE</t>
  </si>
  <si>
    <t>Utilities_BillCorrectionReversal_In</t>
  </si>
  <si>
    <t>Utilities Bill Correction Invoice Reversal</t>
  </si>
  <si>
    <t>COD_ERP_Utilities_BillCorrectionReversal</t>
  </si>
  <si>
    <t>Customer TI-Multiple places</t>
  </si>
  <si>
    <t>Create and Edit meter reading in Contract facet</t>
  </si>
  <si>
    <t>CO_UTILITIES_METER_READING_OUT</t>
  </si>
  <si>
    <t>Utilities_MeterReadingCreate_Out</t>
  </si>
  <si>
    <t>COD_UTILITIES_ISUMETERREAD_CRT</t>
  </si>
  <si>
    <t>Utilities_MeterReadingCreate_In</t>
  </si>
  <si>
    <t>Utilities Meter Reading</t>
  </si>
  <si>
    <t>COD_ERP_Utilities_MeterReadingCreate</t>
  </si>
  <si>
    <t>Customer TI-Contract facet</t>
  </si>
  <si>
    <t>Create Move in</t>
  </si>
  <si>
    <t>CO_UTILITIES_MOVE_IN_OUT</t>
  </si>
  <si>
    <t>Utilities_MoveIn_Out</t>
  </si>
  <si>
    <t>COD_UTILITIES_ISUMOVEIN_CREATE</t>
  </si>
  <si>
    <t>Utilities_MoveIn_In</t>
  </si>
  <si>
    <t>Utilities Move In</t>
  </si>
  <si>
    <t>COD_ERP_MoveIn</t>
  </si>
  <si>
    <t>Create move out</t>
  </si>
  <si>
    <t>CO_UTILITIES_MOVE_OUT_OUT</t>
  </si>
  <si>
    <t>Utilities_MoveOut_Out</t>
  </si>
  <si>
    <t>COD_UTILITIES_ISUMOVEOUT_CRT</t>
  </si>
  <si>
    <t>Utilities_MoveOut_In</t>
  </si>
  <si>
    <t>Utilities Move Out</t>
  </si>
  <si>
    <t>COD_ERP_MoveOut</t>
  </si>
  <si>
    <t>CO_UTILITIES_METERREAD_GET_OUT</t>
  </si>
  <si>
    <t>Utilities_MeterReadingResults_Out</t>
  </si>
  <si>
    <t>COD_UTILITIES_ISUMETERREAD_GET</t>
  </si>
  <si>
    <t>Utilities_MeterReadingResults_in</t>
  </si>
  <si>
    <t>Utilities Meter Reading Results Get</t>
  </si>
  <si>
    <t>COD_ERP_Utilities_MeterReadingResults</t>
  </si>
  <si>
    <t>Customer TI-360-Find</t>
  </si>
  <si>
    <t>COD_UTILITIES_FINDCUST</t>
  </si>
  <si>
    <t>Utilities_FindCustomer_Out</t>
  </si>
  <si>
    <t>Utilities_FindCustomer_In</t>
  </si>
  <si>
    <t>Utilities Customer Search</t>
  </si>
  <si>
    <t>COD_ERP_Utilities_FindCustomer</t>
  </si>
  <si>
    <t>Adjustment reversal</t>
  </si>
  <si>
    <t>CO_UTILITIES_BICO_REVEADJ_OUT</t>
  </si>
  <si>
    <t>Utilities_BillCorrectionReversalAdjustment_Out</t>
  </si>
  <si>
    <t>COD_UTILITIES_BICO_REVERSE_ADJ</t>
  </si>
  <si>
    <t>Utilities_BillCorrectionReversalAdjustment_In</t>
  </si>
  <si>
    <t>Utilities Bill Adjustment Reversal</t>
  </si>
  <si>
    <t>COD_ERP_Utilities_BillCorrectionReversalAdjustment</t>
  </si>
  <si>
    <t>Create, edit, cancel installment plan</t>
  </si>
  <si>
    <t>CO_UTILITIES_INST_PLAN_OUT</t>
  </si>
  <si>
    <t>Utilities_Inst_Plan_Out</t>
  </si>
  <si>
    <t>COD_UTILITIES_INSTALLMENT_PLAN</t>
  </si>
  <si>
    <t>Utilities_Inst_Plan_In</t>
  </si>
  <si>
    <t>Utilities Installment Plan</t>
  </si>
  <si>
    <t>COD_ERP_Utilities_Inst_Plan</t>
  </si>
  <si>
    <t>Creates service order along with move-in and move=out</t>
  </si>
  <si>
    <t>CO_UTILITIES_MI_MO_TR_SRV_OUT</t>
  </si>
  <si>
    <t>Utilities_MoveInMoveOut_ServiceOrder_out</t>
  </si>
  <si>
    <t>COD_UTILITIES_MOINOUTTR_SRVORD</t>
  </si>
  <si>
    <t>Utilities_MoveInMoveOut_ServiceOrder_In</t>
  </si>
  <si>
    <t>Utilities Movein Moveout Transfer with Service Order</t>
  </si>
  <si>
    <t>COD_ERP_Utilities_MoveInMoveOut_ServiceOrder</t>
  </si>
  <si>
    <t>Customer TI-Financial facet</t>
  </si>
  <si>
    <t>display invoice pdf</t>
  </si>
  <si>
    <t>CO_UTILITIES_BICO_INV_PDF_OUT</t>
  </si>
  <si>
    <t>Utilities_InvoicePdf_Out</t>
  </si>
  <si>
    <t>COD_UTILITIES_BICO_INVOICE_PDF</t>
  </si>
  <si>
    <t>Utilities_InvoicePdf_In</t>
  </si>
  <si>
    <t>Utiilities Bill Correction Invoice</t>
  </si>
  <si>
    <t>Utilitiies Bill Correction Invoice Pdf</t>
  </si>
  <si>
    <t>COD_ERP_Utilities_InvoicePdf</t>
  </si>
  <si>
    <t>Find POD</t>
  </si>
  <si>
    <t>CO_UTILITIES_FINDPOD2_OUT</t>
  </si>
  <si>
    <t>Utilities_FindPOD_v2_Out</t>
  </si>
  <si>
    <t>COD_UTILITIES_FINDPOD2</t>
  </si>
  <si>
    <t>Utilities_FindPOD_v2_In</t>
  </si>
  <si>
    <t>Utilities Find Point Of Delivery</t>
  </si>
  <si>
    <t>COD_ERP_Utilities_FindPOD_v2</t>
  </si>
  <si>
    <t>Premise TI-Overview</t>
  </si>
  <si>
    <t>display premise details</t>
  </si>
  <si>
    <t>CO_UTILITIES_PREMISE_OUT</t>
  </si>
  <si>
    <t>Utilities_PremiseTI_Out</t>
  </si>
  <si>
    <t>COD_UTILITIES_PREMISE_TI</t>
  </si>
  <si>
    <t>Utilities_PremiseTI_In</t>
  </si>
  <si>
    <t>Utilities Premise</t>
  </si>
  <si>
    <t>COD_ERP_Utilities_PremiseTI</t>
  </si>
  <si>
    <t>Customer TI-360</t>
  </si>
  <si>
    <t>display customer 360, object hierarchy</t>
  </si>
  <si>
    <t>CO_UTILITIES_OBJ_HIER_V2_OUT</t>
  </si>
  <si>
    <t>Utilities_ObjectHierarchy_v2_Out</t>
  </si>
  <si>
    <t xml:space="preserve">COD_UTILITIES_OBJECT_HIER_V2 </t>
  </si>
  <si>
    <t>Utilities_ObjectHierarchy_v2_In</t>
  </si>
  <si>
    <t>Utilities Object</t>
  </si>
  <si>
    <t>COD_ERP_Utilities_ObjectHierarchy_v2</t>
  </si>
  <si>
    <t>Customer TI-Contract facet,Premise TI</t>
  </si>
  <si>
    <t xml:space="preserve">Create and Edit meter reading </t>
  </si>
  <si>
    <t>CO_UTILITIES_MR_GET_OUT</t>
  </si>
  <si>
    <t>Utilities_MeterReadingGet_Out</t>
  </si>
  <si>
    <t>COD_UTILITIES_MR_GET</t>
  </si>
  <si>
    <t>Utilities_MeterReadingGet_In</t>
  </si>
  <si>
    <t>Utilities Meter Reading Get</t>
  </si>
  <si>
    <t>COD_ERP_Utilities_MeterReadingGet</t>
  </si>
  <si>
    <t>Create contract account</t>
  </si>
  <si>
    <t>CO_UTIL_CONTRACT_ACCOUNT_OUT</t>
  </si>
  <si>
    <t>Utilities_Contract_Account_Create_Out</t>
  </si>
  <si>
    <t>COD_UTIL_CONTRACT_ACCOUNT_V1</t>
  </si>
  <si>
    <t xml:space="preserve">Utilities_Contract_Account_Create_In </t>
  </si>
  <si>
    <t>Utilities Contract Account Out</t>
  </si>
  <si>
    <t>COD_ERP_Utilities_Contract_Account_Create</t>
  </si>
  <si>
    <t>Customer TI- Sales Quote/Customer Quote</t>
  </si>
  <si>
    <t>EnrollmentProcess switch document status</t>
  </si>
  <si>
    <t>CO_UTILITIES_SWITCH_DOC_STATUS</t>
  </si>
  <si>
    <t>Utilities_EnrollmentSwitchDocumentstatus_Out</t>
  </si>
  <si>
    <t>COD_UTILITIES_SWITCHDOC_GET</t>
  </si>
  <si>
    <t>Utilities_EnrollmentSwitchDocumentstatus_In</t>
  </si>
  <si>
    <t>Utilities Switch Document Status</t>
  </si>
  <si>
    <t>COD_ERP_Utilities_EnrollmentSwitchDocumentstatus</t>
  </si>
  <si>
    <t>Customer TI-Utilities Service Order</t>
  </si>
  <si>
    <t>To fetch the service order details based on BP/premise</t>
  </si>
  <si>
    <t>CO_UTILITIES_SRV_ORD_GET</t>
  </si>
  <si>
    <t>Utilities_ServiceOrder_Get_Out</t>
  </si>
  <si>
    <t>COD_UTILITIES_SRV_ORD_GET</t>
  </si>
  <si>
    <t>Utilities_ServiceOrder_Get_In</t>
  </si>
  <si>
    <t>Utilities Service Order Overview</t>
  </si>
  <si>
    <t>COD_ERP_Utilities_ServiceOrder_Get</t>
  </si>
  <si>
    <t>Customer TI and Account TI- Configurable Object Hierarchy</t>
  </si>
  <si>
    <t>This service is used to fetch the data based on the hierarchy model created in ERP. The same hierarchy structure is displayed in C4C containing the data.</t>
  </si>
  <si>
    <t>CO_UTILITIES_CONF_HIER_GET_OUT</t>
  </si>
  <si>
    <t>Utiliites_Config_Object_Hierarchy_Out</t>
  </si>
  <si>
    <t>COD_UTILITIES_CONF_HIER_GET</t>
  </si>
  <si>
    <t>Utilities_Config_Object_Hierarchy_In</t>
  </si>
  <si>
    <t>Utilities Configurable Hierarchy</t>
  </si>
  <si>
    <t>COD_ERP_Utilities_Object_Hierarchy</t>
  </si>
  <si>
    <t>Customer TI, Account TI, Premise TI- Move In GAF</t>
  </si>
  <si>
    <t>This service will create New Individual Customer, Account and Contract Account.</t>
  </si>
  <si>
    <t xml:space="preserve">CO_UTILITIES_MDT_MVI_OUT </t>
  </si>
  <si>
    <t>Utilities_MDT_MVI_Create_Out</t>
  </si>
  <si>
    <t>COD_UTILITIES_MDT_MVI_CREATE</t>
  </si>
  <si>
    <t>Utilities_MDT_MVI_Create_In</t>
  </si>
  <si>
    <t>Utilities MDT MoveIn</t>
  </si>
  <si>
    <t>COD_ERP_Utilities_MDT_MVI_Create</t>
  </si>
  <si>
    <t>Asynchronous Services</t>
  </si>
  <si>
    <t>UTILITIES_TECHNICAL_OBJECT</t>
  </si>
  <si>
    <t>ERP on-premise report</t>
  </si>
  <si>
    <t>This Service is to transfer the utilities technical master data to the cloud solution. This Interface takes care of replicating Premise, Point of Delivery (PoD), and Connection Object.</t>
  </si>
  <si>
    <t xml:space="preserve">II_UTILITIES_TECH_OBJ_REPLN_IN </t>
  </si>
  <si>
    <t>Utilities_Techinical_Objests_Repl_Out</t>
  </si>
  <si>
    <t>CO_COD_UTIL_TECH_OBJS_REPL</t>
  </si>
  <si>
    <t>Utilities_Techinical_Objects_Replication_In</t>
  </si>
  <si>
    <t>Utilities Techinical Master Data Replication</t>
  </si>
  <si>
    <t>Utilities Technical Master Data Replication</t>
  </si>
  <si>
    <t>ERP_COD_Utilities_Techinical_Master_Data_Replication</t>
  </si>
  <si>
    <t>https://host:port/sap/bc/srt/rfc/sap/&lt;endpoint service URL&gt;</t>
  </si>
  <si>
    <t>UTILITY_BUSINESS_AGREEMENT</t>
  </si>
  <si>
    <t>This Service is to transfer the utilities Contract Account data to the cloud solution. This Interface takes care of replicating Contract Account data.</t>
  </si>
  <si>
    <t>II_UTILITY_BUAG_REPL_ERP_IN</t>
  </si>
  <si>
    <t>COD_UTILITIES_ISU_ACCOUNT_REP.COD_UTILITIES_ISU_ACCOUNT_RE01</t>
  </si>
  <si>
    <t>IDOC:  COD_UTILITIES_ISU_ACCOUNT_RE01
Message Type:COD_UTILITIES_ISU_ACCOUNT_REP</t>
  </si>
  <si>
    <t>Utilities_BusinessAgreementReplicationIn</t>
  </si>
  <si>
    <t>Utilities Contract Account Replication</t>
  </si>
  <si>
    <t>ERP Contract Account Replication</t>
  </si>
  <si>
    <t>ERP_COD_Utilities_BusinessAgreementReplication</t>
  </si>
  <si>
    <t>CUSTOMER_QUOTE</t>
  </si>
  <si>
    <t>This service is triggered from the C4C Enrolment GAF on click of Submit Action in Step 5 (Or Submit action in Quote TI). The service contains details from the Utilities Lean quote and also fields specific to Enrolment Process such as Point of Delivery, Contract Account, Switch Type, Switch View, Old Supplier etc..This service creates a switch document in ERP On Premise system and triggers a notification back to C4C to update the Quote line item with the switch document ID</t>
  </si>
  <si>
    <t xml:space="preserve">CO_CQP_SOR_OUT </t>
  </si>
  <si>
    <t>II_UTILITIES_LEAN_QUOTE_SI_IN</t>
  </si>
  <si>
    <t>Utilities_LeanQuote_SI_In</t>
  </si>
  <si>
    <t>CREATION OF SALES QUOTE FOLLOW UP DOCUMENT IN SAP BUSINESS SUITE</t>
  </si>
  <si>
    <t>COD_ERP_UtilitiesQuote_SwitchDocumentRequest</t>
  </si>
  <si>
    <t>Create XI Receiver communication channel (Server Proxy)</t>
  </si>
  <si>
    <t>This service is triggered from the above mentioned service after the successful creation of Switch document(s). Each Quote line item shall have a corresponding switch document ID which is updated in C4C Quote line items through this service. The logical port for this service id determined and the “Default” port is picked. However, this logical port can be overwritten by implementing the bAdi COD_UTILITIES_QUOTE_NOTIF_PORT</t>
  </si>
  <si>
    <t>II_CQP_SLO_NOTIFICATION_IN</t>
  </si>
  <si>
    <t>CO_COD_UTIL_LEAN_QUOTE_NOTIFIC</t>
  </si>
  <si>
    <t>CustomerQuoteProcessingUpdatingSalesQuoteWithSalesOrderIn_In</t>
  </si>
  <si>
    <t>ERP_COD_Utilities_CustomerQuoteProcessingUpdatingSalesQuoteWithSalesOrderIn</t>
  </si>
  <si>
    <t>Use BP Tx. for creating Businesspartner replication</t>
  </si>
  <si>
    <t>BP Replication from ERP to C4C</t>
  </si>
  <si>
    <t>II_BUPA_MDG_REPLICATION_IN</t>
  </si>
  <si>
    <t>Utiliites_ERP_COD_BP_Replication_Out</t>
  </si>
  <si>
    <t xml:space="preserve">CO_COD_UTIL_BP_REPLICATION </t>
  </si>
  <si>
    <t>ERP_COD_Utilities_BusinessPartnerReplication</t>
  </si>
  <si>
    <t>https://host:port/sap/bc/srt/scs/sap/businesspartnerreplicationin</t>
  </si>
  <si>
    <t>Create Relationship for the BP via BP Tx.</t>
  </si>
  <si>
    <t>BP Relationship Replication from ERP to C4C</t>
  </si>
  <si>
    <t>II_BUPA_REL_MDG_REPLICATION_IN</t>
  </si>
  <si>
    <t>Utilities_ERP_COD_BP_Relationship_Replication_Out</t>
  </si>
  <si>
    <t xml:space="preserve">CO_COD_UTIL_BP_REL_REPLICATION </t>
  </si>
  <si>
    <t>ERP_COD_Utilities_BusinessPartnerReleationshipReplication</t>
  </si>
  <si>
    <t>https://host:port/sap/bc/srt/scs/sap/businesspartnerrelationshiprep</t>
  </si>
  <si>
    <t>BP Replication Confirmation to ERP</t>
  </si>
  <si>
    <t>CO_BUPA_MDG_CONFIRMATION_OUT</t>
  </si>
  <si>
    <t>II_CODBUSINESS_PARTNER_CONF_IN</t>
  </si>
  <si>
    <t>ERP_COD_BusinessPartnerSUITEBulkReplicateConfirmation</t>
  </si>
  <si>
    <t>Customers Workcenter- Contacts, Accounts, Individual Customers</t>
  </si>
  <si>
    <t>BP Replication from C4C to ERP</t>
  </si>
  <si>
    <t>CO_BUPA_MDG_REPLIC_OUT</t>
  </si>
  <si>
    <t>UTILIITES_COD_ERP_BP_REPLICATI</t>
  </si>
  <si>
    <t>Utiliites_COD_ERP_BP_Replication_In</t>
  </si>
  <si>
    <t>COD_ERP_Utilities_BusinessPartnerReplication</t>
  </si>
  <si>
    <t>Customers TI- Releationship, Contacts</t>
  </si>
  <si>
    <t>BP Relationship Replication from C4C to ERP</t>
  </si>
  <si>
    <t>CO_BUPA_REL_MDG_REPL_OUT</t>
  </si>
  <si>
    <t>UTILIITES_COD_ERP_BP_RELATIONS</t>
  </si>
  <si>
    <t>Utiliites_COD_ERP_BP_Relationship_Replication_In</t>
  </si>
  <si>
    <t>COD_ERP_Utilities_BusinessPartnerRelationshipReplication</t>
  </si>
  <si>
    <t>BP Replication Confirmation to C4C</t>
  </si>
  <si>
    <t>II_BUPA_MDG_REPL_CONFIRM_IN</t>
  </si>
  <si>
    <t>Utiliites_ERP_COD_BP_Replication_Confirmation_Out</t>
  </si>
  <si>
    <t>CO_COD_UTIL_ERP_BP_CONF_OUT</t>
  </si>
  <si>
    <t>ERP_COD_Utilities_BusinessPartnerReplication_Confirmation</t>
  </si>
  <si>
    <t>https://host:port/sap/bc/srt/scs/sap/businesspartnerreplicationself</t>
  </si>
  <si>
    <t>Account, Individual Customer, Contact</t>
  </si>
  <si>
    <t>BP Relationship Replication Confirmation to C4C</t>
  </si>
  <si>
    <t>II_BUPA_REL_MDG_REPL_CONF_IN</t>
  </si>
  <si>
    <t>Utiliites_ERP_COD_BP_RelationshipReplication_Confirmation_Out</t>
  </si>
  <si>
    <t>CO_COD_UTIL_ERP_BP_REL_CONFOUT</t>
  </si>
  <si>
    <t>ERP_COD_Utiliites_ERP_COD_BP_RelationshipReplication_Confirmation</t>
  </si>
  <si>
    <t>https://host:Port/sap/bc/srt/scs/sap/businesspartnerrelationshipre1</t>
  </si>
  <si>
    <t>COD_CUAN_Opportunity_Replicate_Bulk</t>
  </si>
  <si>
    <t>Marketing Permission Replication to SAP Business Suite</t>
  </si>
  <si>
    <t>Replicate Marketing Permission to SAP Business Suite</t>
  </si>
  <si>
    <t>C4C 17/05</t>
  </si>
  <si>
    <t>COD_CUAN_Marketing_Permission_Replication</t>
  </si>
  <si>
    <t>Marketing Permission</t>
  </si>
  <si>
    <t>MarketingPermissionReplicationOut</t>
  </si>
  <si>
    <t>CUAN_IMPORT_SRV</t>
  </si>
  <si>
    <t>/cxf/C4C/yMKT/MarketingPermissionReplicationOut</t>
  </si>
  <si>
    <t>com.sap.scenarios.c4c2ymkt.marketingpermission.replicate</t>
  </si>
  <si>
    <t>/cxf/C4C/S4/BusinessAttributeAssignmentReplicationRequestOut</t>
  </si>
  <si>
    <t>/cxf/S4/C4C/CLFMAS.CLFMAS02</t>
  </si>
  <si>
    <t>/cxf/S4/C4C/CHRMAS.CHRMAS04</t>
  </si>
  <si>
    <t>/cxf/S4/C4C/CLSMAS.CLSMAS04</t>
  </si>
  <si>
    <t>C4C_S4_BusinessAttributeAssignmentReplicationRequestOut</t>
  </si>
  <si>
    <t>S4_C4C_Business_Attribute_Assignment</t>
  </si>
  <si>
    <t>S4_C4C_Business_Attribute_Replicate_Bulk</t>
  </si>
  <si>
    <t>S4_C4C_Business_Attribute_Set_Replicate_Bulk</t>
  </si>
  <si>
    <t>com.sap.scenarios.s42c4c.businessattributeassignment.replicate</t>
  </si>
  <si>
    <t>com.sap.scenarios.s42c4c.businessattribute.replicate</t>
  </si>
  <si>
    <t>com.sap.scenarios.s42c4c.businessattributeset.replicate</t>
  </si>
  <si>
    <t>com.sap.scenarios.c4c2s4.businessattributeassignment.replicate</t>
  </si>
  <si>
    <t>/cxf/C4C/S4/TimeReportReplicationOut</t>
  </si>
  <si>
    <t>com.sap.scenarios.c4c2s4.timereport.replicate</t>
  </si>
  <si>
    <t>{{Protocol-Host-Port}}/sap/bc/srt/idoc?sap-client={{Client}}</t>
  </si>
  <si>
    <t>C4C_S4_TimeReportReplication</t>
  </si>
  <si>
    <t>Sales Order Replication to SAP Business Suite 
Sales Quote Replication to SAP Business Suite 
Creation of Sales Quote Follow Up Document in SAP Business Suite</t>
  </si>
  <si>
    <t>Replicate Sales Order and Sales Quote from SAP Business Suite</t>
  </si>
  <si>
    <t>Sales Order Replication from SAP Business Suite 
Sales Quote Replication from SAP Business Suite</t>
  </si>
  <si>
    <t>com.sap.scenarios.s42c4c.salesorder.replicate</t>
  </si>
  <si>
    <t>/cxf/S4/C4C/COD_REPLICATE_SALES_ORDER.COD_REPLICATE_SALES_ORDER02</t>
  </si>
  <si>
    <t>Sales Quote Replication from SAP Business Suite
Sales Order Replication from SAP Business Suite</t>
  </si>
  <si>
    <t>Replicate Sales Quote from SAP Business Suite
Replicate Sales Order from SAP Business Suite</t>
  </si>
  <si>
    <t>COD_REPLICATE_SALES_ORDER.COD_REPLICATE_SALES_ORDER02</t>
  </si>
  <si>
    <t>Equipment</t>
  </si>
  <si>
    <t>/cxf/C4C/S4/ExternalBusinessDocumentFlowQuery</t>
  </si>
  <si>
    <t>{{Protocol-Hostname-Port}}/sap/bc/srt/scs/sap/cod_erp_get_doc_flow?sap-client={{Client}}</t>
  </si>
  <si>
    <t>Attachment Replication from SAP Business Suite</t>
  </si>
  <si>
    <t>/cxf/S4/C4C/AttachmentFolderReplicationRequest_Out</t>
  </si>
  <si>
    <t xml:space="preserve">CustomerOrderReplicationIn
</t>
  </si>
  <si>
    <t>ReplicateCustomerOrderAttachmentFolder
ReplicateContractAttachmentFolder
ReplicateMaterialAttachmentFolderExternalIn</t>
  </si>
  <si>
    <t>Replicate Sales Order Attachment from SAP Business Suite
Contract Attachment Replication from External System
Replicate Material Attachment from SAP Business Suite</t>
  </si>
  <si>
    <t>Sales Order Replication from SAP Business Suite
Contract Replication from and to SAP Business Suite
Material Replication from SAP Business Suite</t>
  </si>
  <si>
    <t>com.sap.scenarios.s42c4c.attachment.replicate</t>
  </si>
  <si>
    <t>BusinessAttributeAssignmentReplicationHybrisMarketingOut</t>
  </si>
  <si>
    <t>/cxf/C4C/yMKT/BusinessAttributeAssignmentReplicationOut</t>
  </si>
  <si>
    <t>{{Protocol-Hostname-Port}}/sap/opu/odata/sap/CUAN_BUSINESS_PARTNER_IMPORT_SRV/</t>
  </si>
  <si>
    <t>com.sap.scenarios.c4c2ymkt.businessattributeassignmentreplication</t>
  </si>
  <si>
    <t>Replicate Business Attribute Set to SAP Business Suite</t>
  </si>
  <si>
    <t>BusinessAttributeSetReplicationHybrisMarketingOut</t>
  </si>
  <si>
    <t>/cxf/C4C/yMKT/BusinessAttributeSetReplicationOut</t>
  </si>
  <si>
    <t>{{Protocol-Hostname-Port}}/sap/opu/odata/sap/API_MKT_ATTRIBUTE_CATEGORY_SRV</t>
  </si>
  <si>
    <t>COD_CUAN_Business_Attribute_Set_Replicate</t>
  </si>
  <si>
    <t>com.sap.scenarios.c4c2ymkt.businessattributsetreplication</t>
  </si>
  <si>
    <t>EmployeeReplicationIn</t>
  </si>
  <si>
    <t>com.sap.scenarios.crm2cod.simplifiedemployee.replicate</t>
  </si>
  <si>
    <t>Buisness Attribute Management</t>
  </si>
  <si>
    <t>CRM_COD_SimplifiedEmployee_Replication_Bulk</t>
  </si>
  <si>
    <t>COD_CUAN_Business_Attribute_Assignment_Replicate</t>
  </si>
  <si>
    <t>Replicate Employee from SAP Business Suite (Deprecated)</t>
  </si>
  <si>
    <t>Business Attribute and Assignment Replication with SAP Business Suite</t>
  </si>
  <si>
    <t>C4C 17/08</t>
  </si>
  <si>
    <t>CampaignReplicationNotification_Out</t>
  </si>
  <si>
    <t>Replicate Campaign from SAP Business Suite</t>
  </si>
  <si>
    <t>/cxf/yMKT/C4C/CampaignReplicationNotification_Out</t>
  </si>
  <si>
    <t>CUAN_COD_Campaign_Replicate_Bulk</t>
  </si>
  <si>
    <t>com.sap.scenarios.ymkt2c4c.campaignreplication</t>
  </si>
  <si>
    <t>QueryCampaignInteractionBySalesRepresentativeOut</t>
  </si>
  <si>
    <t>CUAN_CAMPAIGN_INTERACTION_SRV</t>
  </si>
  <si>
    <t>/cxf/C4C/yMKT/QueryCampaignInteraction</t>
  </si>
  <si>
    <t>{{Protocol-Hostname-Port}}/sap/opu/odata/sap/CUAN_CAMPAIGN_INTERACTION_SRV</t>
  </si>
  <si>
    <t>COD_CUAN_QueryCampaignInteraction_Res</t>
  </si>
  <si>
    <t>com.sap.scenarios.c4c2ymkt.querycampaigninteraction</t>
  </si>
  <si>
    <t>Service Request Delegation to SAP Business Suite</t>
  </si>
  <si>
    <t>/cxf/COD/CRM/SERVICE_REQUEST_ATTACHMENT</t>
  </si>
  <si>
    <t>COD_CRM_Service_Request_Delegation_Attachment</t>
  </si>
  <si>
    <t>com.sap.scenarios.cod2crm.ServiceRequestDeletegateAttachment.replicate</t>
  </si>
  <si>
    <t>C4C 17/11</t>
  </si>
  <si>
    <t>CUAN_COD_Lean_Lead_Replicate_Bulk3</t>
  </si>
  <si>
    <t>com.sap.scenarios.ymkt2c4c.leanleadreplication.v2</t>
  </si>
  <si>
    <t>COD_CRM_Quote2SalesOrderRequest</t>
  </si>
  <si>
    <t>Replicate Sales and Service Transactions from SAP Business Suite</t>
  </si>
  <si>
    <t>Replicate Business Partner and Business Partner Confirmation from SAP Business Suite</t>
  </si>
  <si>
    <t>ReplicateCustomerOrderAttachmentFolder
ReplicateMaterialAttachmentFolderExternalIn
ReplicateContractAttachmentFolder</t>
  </si>
  <si>
    <t>/cxf/ERP/COD/AttachmentFolderReplicationRequest_Out</t>
  </si>
  <si>
    <t>Replicate Sales Order Attachment from SAP Business Suite
Replicate Material Attachment from SAP Business Suite
Replicate Contract Attachment from SAP Business Suite</t>
  </si>
  <si>
    <t>Sales Order Replication from SAP Business Suite
Material Replication from SAP Business Suite
Contract Replication from and to SAP Business Suite</t>
  </si>
  <si>
    <t>p1:AttachmentFolderBulkReplicateRequest/AttachmentFolderReplicateRequestMessage/AttachmentFolder/HostObjectReference/ObjectTypeCode = '2059'
p1:AttachmentFolderBulkReplicateRequest/AttachmentFolderReplicateRequestMessage/AttachmentFolder/HostObjectReference/ObjectTypeCode = '1'
p1:AttachmentFolderBulkReplicateRequest/AttachmentFolderReplicateRequestMessage/AttachmentFolder/HostObjectReference/ObjectTypeCode = '2014'</t>
  </si>
  <si>
    <t>Replicate Customer Material Information from SAP Business Suite</t>
  </si>
  <si>
    <t>Customer Material Information Replication from SAP Business Suite</t>
  </si>
  <si>
    <t>Replicate Organization Center from SAP Business Suite</t>
  </si>
  <si>
    <t>Organizational Center Replication using Intermediate Staging Area from SAP Business Suite</t>
  </si>
  <si>
    <t>SalesPriceSpecificationReplicationIn</t>
  </si>
  <si>
    <t xml:space="preserve"> ERP_COD_SalesPriceSpecificationReplicateMassRequest_v1</t>
  </si>
  <si>
    <t>Replicate Service Ticket Attachment to SAP Business Suite</t>
  </si>
  <si>
    <t>Pricing in Sales Quote Follow Up Scenario in SAP Business Suite
Pricing in Sales Order Replication Scenario in SAP Business Suite
Pricing in Sales Quote Replication Scenario in SAP Business Suite</t>
  </si>
  <si>
    <t>Request Opportunity Data from SAP Business Suite</t>
  </si>
  <si>
    <t>Pricing in Opportunity Follow Up Scenario in SAP Business Suite</t>
  </si>
  <si>
    <t>CUAN_BUSINESS_PARTNER_IMPORT_SRV</t>
  </si>
  <si>
    <t>API_MKT_ATTRIBUTE_CATEGORY_SRV</t>
  </si>
  <si>
    <t>Creation of Service Ticket Follow Up Document in SAP Business Suite</t>
  </si>
  <si>
    <t>Notify Service Ticket of Follow Up Document from SAP Business Suite</t>
  </si>
  <si>
    <t>C4C 18/02</t>
  </si>
  <si>
    <t>/cxf/ERP/COD/COD_CONFIRM_CREATEFROMDAT.COD_CONFIRM_CREATEFROMDAT01</t>
  </si>
  <si>
    <t>ERP_COD_ServiceRequestConfirmationWithIntegrationLogs</t>
  </si>
  <si>
    <t>com.sap.scenarios.erp2cod.servicerequestwithlogs.confirmation</t>
  </si>
  <si>
    <t>CustomerQuoteProcessingSalesOrderRequestCreationIn
CustomerQuoteProcessingUpdatingSalesQuoteWithSalesOrderIn
UpdatingOpportunityWithFollowUpDocumentIn</t>
  </si>
  <si>
    <t>/ORDERS05/IDOC/E1EDK01[ABRVW_BEZ = 'BUS2031' and ABRVW = 'ORD' ] or /ORDERS05/IDOC/E1EDK01[ABRVW_BEZ = 'BUS2031'  and ABRVW = 'QUO']
/ORDERS05/IDOC/E1EDK01[ABRVW_BEZ = 'BUS2031' and ABRVW = 'INQ']
/ORDERS05/IDOC/E1EDK01/ABRVW_BEZ = 'BUS200111'</t>
  </si>
  <si>
    <t>Creation of Sales Quote Follow Up Document in SAP Business Suite 
Creation of Opportunity Follow Up Document in SAP Business Suite</t>
  </si>
  <si>
    <t>ERP_COD_CustomerQuoteProcessingSalesOrderNotification
ERP_COD_CustomerQuoteProcessingSalesOrderRequestConfirmation
ERP_COD_Oppt_FollowUp_Bus_Trans_Document_Notify</t>
  </si>
  <si>
    <t>Notify Sales Quote of Sales Order Creation in SAP Business Suite
Notify Sales Quote of Sales Order Request Creation in SAP Business Suite
Notify Opportunity of Follow Up Document from SAP Business Suite</t>
  </si>
  <si>
    <t>/p1:AttachmentFolderBulkReplicateRequest/AttachmentFolderReplicateRequestMessage/AttachmentFolder/HostObjectReference/ObjectTypeCode = '2059'
/p1:AttachmentFolderBulkReplicateRequest/AttachmentFolderReplicateRequestMessage/AttachmentFolder/HostObjectReference/ObjectTypeCode = '1'
/p1:AttachmentFolderBulkReplicateRequest/AttachmentFolderReplicateRequestMessage/AttachmentFolder/HostObjectReference/ObjectTypeCode = '2014'</t>
  </si>
  <si>
    <t>Create Service Ticket Follow Up Document in SAP Business Suite</t>
  </si>
  <si>
    <t>Notify Opportunity or Sales Quote of Follow Up Document from SAP Business Suite</t>
  </si>
  <si>
    <t>Creation of Opportunity Follow Up Document in SAP Business Suite
Creation of Sales Quote Follow Up Document in SAP Business Suite</t>
  </si>
  <si>
    <t>UpdatingOpportunityWithFollowUpDocumentIn
CustomerQuoteProcessingUpdatingSalesQuoteWithSalesOrderIn</t>
  </si>
  <si>
    <t>Notify Opportunity of Follow Up Document from SAP Business Suite
Notify Sales Quote of Sales Order Creation in SAP Business Suite</t>
  </si>
  <si>
    <t>S4_C4C_OpportunityFollowupBusinessTransactionDocumentNotification
S4_C4C_CustomerQuoteProcessingSalesOrderNotification</t>
  </si>
  <si>
    <t>/ORDERS05/IDOC/E1EDK01/ABRVW_BEZ = 'BUS200111'
/ORDERS05/IDOC/E1EDK01/ABRVW_BEZ = 'BUS2031'  AND /ORDERS05/IDOC/E1EDK01/ABRVW = 'ORD'  OR /ORDERS05/IDOC/E1EDK01/ABRVW_BEZ = 'BUS2031'  AND /ORDERS05/IDOC/E1EDK01/ABRVW = 'QUO'</t>
  </si>
  <si>
    <t>Opportunity
Sales Quote</t>
  </si>
  <si>
    <t>Deprecated - Notify Service Ticket of Follow Up Document from SAP Business Suite</t>
  </si>
  <si>
    <t>Message Mapping</t>
  </si>
  <si>
    <t>Bundle SymbolicName</t>
  </si>
  <si>
    <t>Integration Flow Name</t>
  </si>
  <si>
    <t xml:space="preserve">Integration Flow Description </t>
  </si>
  <si>
    <t>CXF Path (Integration Flow endpoint)</t>
  </si>
  <si>
    <t>/cxf/C4C/S4/ConfirmBusinessPartnerReplication</t>
  </si>
  <si>
    <t>/cxf/C4C/S4/FollowupDocumentRequestCreation</t>
  </si>
  <si>
    <t>/cxf/S4/C4C/ReplicateBusinessPartner</t>
  </si>
  <si>
    <t>/cxf/S4/C4C/ReplicateBusinessPartnerRelationship</t>
  </si>
  <si>
    <t>/cxf/S4/C4C/MATMAS_CFS.MATMAS05</t>
  </si>
  <si>
    <t>/cxf/S4/C4C/COD_OPPT_CONF.ORDERS05</t>
  </si>
  <si>
    <t>/cxf/C4C/S4/CustomerQuoteProcessingSalesOrderRequestOut</t>
  </si>
  <si>
    <t>/cxf/C4C/S4/ServiceRequestConfirmation</t>
  </si>
  <si>
    <t>/cxf/S4/C4C/COD_SERVICE_REQUEST_CONF.ORDERS05</t>
  </si>
  <si>
    <t>/cxf/S4/C4C/COD_PRODUCT_CATEGORY_SAVE.COD_PRODUCT_CATEGORY_SAVE01</t>
  </si>
  <si>
    <t>/cxf/C4C/S4/APCRMGetPrintPreview</t>
  </si>
  <si>
    <t>/cxf/C4C/S4/ExternalSalesDocumentDataQuery</t>
  </si>
  <si>
    <t>/cxf/C4C/S4/PricingInformationRequest</t>
  </si>
  <si>
    <t>/cxf/C4C/S4/ServiceTicketDataQuery</t>
  </si>
  <si>
    <t>Routing Conditions</t>
  </si>
  <si>
    <t>Pricing in Contract Replication Scenario in SAP Business Suite</t>
  </si>
  <si>
    <t>Replicate Opportunity Attachment to SAP Business Suite</t>
  </si>
  <si>
    <t>OpportunityFollowUpAttachmentFolderReplicationRequest_In</t>
  </si>
  <si>
    <t>{{Protocol-Hostname-Port}}/sap/bc/srt/xip/sap/attachmentfolderreplicationreq/&lt;sap-client&gt;/service/binding</t>
  </si>
  <si>
    <t>{{Protocol-Hostname-Port}}/sap/bc/srt/scs/sap/opportunityfollowupattachmentf?sap-client={{Client}}</t>
  </si>
  <si>
    <t>{{Protocol-Hostname-Port}}/sap/bc/srt/scs/sap/attachmentfolderreplicationre1?sap-client={{Client}}</t>
  </si>
  <si>
    <t>{{Protocol-Hostname-Port}}/sap/bc/srt/scs/sap/businesspartnererpcontactaddre</t>
  </si>
  <si>
    <t>{{Protocol-Hostname-Port}}/sap/bc/srt/scs/sap/businesspartnererpaddressrepli</t>
  </si>
  <si>
    <t>{{Protocol-Hostname-Port}}/sap/bc/srt/scs/sap/customerquoteprocessingupdati1
{{Protocol-Hostname-Port}}/sap/bc/srt/scs/sap/customerquoteprocessingsalesor
{{Protocol-Hostname-Port}}/sap/bc/srt/scs/sap/updatingopportunitywithfollowu</t>
  </si>
  <si>
    <t>{{Protocol-Hostname-Port}}/sap/bc/srt/scs/sap/followupdocumentfromservicereq</t>
  </si>
  <si>
    <t>{{Protocol-Hostname-Port}}/sap/bc/srt/scs/sap/businesspartnererpreplicationi</t>
  </si>
  <si>
    <t>{{Protocol-Hostname-Port}}/sap/bc/srt/scs/sap/materialreplicationinitiatedby</t>
  </si>
  <si>
    <t>{{Protocol-Hostname-Port}}/sap/bc/srt/scs/sap/businesspartnerhierarchysimple</t>
  </si>
  <si>
    <t>{{Protocol-Hostname-Port}}/sap/bc/srt/scs/sap/organizationcentrereplicationr</t>
  </si>
  <si>
    <t>{{Protocol-Hostname-Port}}/sap/bc/srt/scs/sap/customerorderreplicationin</t>
  </si>
  <si>
    <t>{{Protocol-Hostname-Port}}/sap/bc/srt/scs/sap/replicatecustomerorderattachme
{{Protocol-Hostname-Port}}/sap/bc/srt/scs/sap/replicatematerialattachmentfol
{{Protocol-Hostname-Port}}/sap/bc/srt/scs/sap/replicatecontractattachmentfol</t>
  </si>
  <si>
    <t>{{Protocol-Hostname-Port}}/sap/bc/srt/scs/sap/registeredproductreplicationin</t>
  </si>
  <si>
    <t>{{Protocol-Hostname-Port}}/sap/bc/srt/scs/sap/installationpointreplicationin</t>
  </si>
  <si>
    <t>{{Protocol-Hostname-Port}}/sap/bc/srt/rfc/sap/cod_salesorder_simulate/{{client}}/cod_salesorder_simulate/binding</t>
  </si>
  <si>
    <t>{{Protocol-Hostname-Port}}/sap/bc/srt/scs/sap/operationaldataprovisioningin</t>
  </si>
  <si>
    <t>{{Protocol-Hostname-Port}}/sap/bc/srt/scs/sap/manageexternalaggregatedcustom?MessageId</t>
  </si>
  <si>
    <t>{{Protocol-Hostname-Port}}/sap/bc/srt/scs/sap/businessattributereplicationre</t>
  </si>
  <si>
    <t>{{Protocol-Hostname-Port}}/sap/bc/srt/scs/sap/measurementpointreplicationini</t>
  </si>
  <si>
    <t>{{Protocol-Hostname-Port}}/sap/bc/srt/scs/sap/measurementdocumentreplication</t>
  </si>
  <si>
    <t>{{Protocol-Hostname-Port}}/sap/bc/srt/scs/sap/salespricespecificationreplica</t>
  </si>
  <si>
    <t>{{Protocol-Hostname-Port}}/sap/bc/srt/scs/sap/leanleadreplicationinitiatedby</t>
  </si>
  <si>
    <t>{{Protocol-Hostname-Port}}/sap/bc/srt/scs/sap/crmpcd_get_doc_flow?sap-client={{client}}</t>
  </si>
  <si>
    <t>{{Protocol-Hostname-Port}}/sap/bc/srt/scs/sap/cod_erp_get_doc_flow?sap-client={{client}}</t>
  </si>
  <si>
    <t>{{Protocol-Hostname-Port}}/sap/bc/srt/scs/sap/crmpcd_get_print_preview?sap-client={{client}}</t>
  </si>
  <si>
    <t>{{Protocol-Hostname-Port}}/sap/bc/srt/scs/sap/cod_connectivity_provider?sap-client={{client}}</t>
  </si>
  <si>
    <t>{{Protocol-Hostname-Port}}/sap/bc/srt/scs/sap/connectivitycheckrequestin</t>
  </si>
  <si>
    <t>{{Protocol-Hostname-Port}}/sap/bc/srt/scs/sap/customermaterialinforeplicatio</t>
  </si>
  <si>
    <t>{{Protocol-Hostname-Port}}/sap/bc/srt/scs/sap/promotionreplicationin</t>
  </si>
  <si>
    <t>{{Protocol-Hostname-Port}}/sap/bc/srt/idoc?sap-client={{client}}</t>
  </si>
  <si>
    <t>{{Protocol-Hostname-Port}}/sap/bc/srt/scs/sap/contractreplicationfromextin</t>
  </si>
  <si>
    <t>{{Protocol-Hostname-Port}}/sap/opu/odata/sap/CUAN_BUSINESS_DOCUMENT_IMP_SRV</t>
  </si>
  <si>
    <t>{{Protocol-Hostname-Port}}/sap/opu/odata/sap/CUAN_BUSINESS_PARTNER_IMP_SRV/</t>
  </si>
  <si>
    <t>{{Protocol-Hostname-Port}}//sap/bc/srt/scs/sap/activityreplicationin</t>
  </si>
  <si>
    <t>{{Protocol-Hostname-Port}}/sap/opu/odata/sap/CUAN_BUSINESS_DOCUMENT_IMP_SRV/</t>
  </si>
  <si>
    <t>{{Protocol-Hostname-Port}}/sap/bc/srt/scs/sap/businesspartnersuitebulkrepli1</t>
  </si>
  <si>
    <t>{{Protocol-Hostname-Port}}/sap/bc/srt/scs/sap/businesspartnerreplicationin</t>
  </si>
  <si>
    <t>{{Protocol-Hostname-Port}}/sap/bc/srt/scs/sap/businesspartnerrelationshiprep</t>
  </si>
  <si>
    <t>{{Protocol-Hostname-Port}}/sap/bc/srt/scs/sap/updatingopportunitywithfollowu
{{Protocol-Hostname-Port}}/sap/bc/srt/scs/sap/customerquoteprocessingupdati1</t>
  </si>
  <si>
    <t>{{Protocol-Hostname-Port}}/sap/bc/srt/scs/sap/productcategoryhierarchyrepli1</t>
  </si>
  <si>
    <t>{{Protocol-Hostname-Port}}/sap/bc/srt/scs/sap/salesdocumentprintpreviewquery?sap-client={{client}}</t>
  </si>
  <si>
    <t>{{Protocol-Hostname-Port}}/sap/bc/srt/scs/sap/cod_salesorder_simulate?sap-client={{client}}</t>
  </si>
  <si>
    <t>{{Protocol-Hostname-Port}}/sap/bc/srt/scs/sap/stocklocationreplicationin</t>
  </si>
  <si>
    <t>{{Protocol-Hostname-Port}}/sap/bc/srt/scs/sap/campaignreplicationinitiatedby</t>
  </si>
  <si>
    <t>{{Protocol-Hostname-Port}}/sap/bc/srt/scs/sap/attachmentfolderreplicationreq?sap-client={{client}}</t>
  </si>
  <si>
    <t>{{Protocol-Hostname-Port}}/sap/bc/srt/scs/sap/activityattachmentfolderreplic</t>
  </si>
  <si>
    <t>{{Protocol-Hostname-Port}}/sap/bc/srt/scs/sap/businesspartnerattachmentfolde</t>
  </si>
  <si>
    <t>{{Protocol-Hostname-Port}}/sap/bc/srt/scs/sap/cod_contract_simulate?sap-client={{client}}</t>
  </si>
  <si>
    <t>{{Protocol-Hostname-Port}}/sap/bc/srt/scs/sap/businesspartnerreplicationself</t>
  </si>
  <si>
    <t>{{Protocol-Hostname-Port}}/sap/bc/srt/scs/sap/businesspartnerrelationshipre1</t>
  </si>
  <si>
    <t>{{Protocol-Hostname-Port}}/sap/bc/srt/scs/sap/businesspartnersuitebulkreplic?sap-client={{client}}</t>
  </si>
  <si>
    <t>{{Protocol-Hostname-Port}}/sap/bc/srt/scs/sap/businesspartnerrelationshipsui?sap-client={{client}}</t>
  </si>
  <si>
    <t>{{Protocol-Hostname-Port}}/sap/bc/srt/scs/sap/businessattributeassignmentrep</t>
  </si>
  <si>
    <t>{{Protocol-Hostname-Port}}/sap/bc/srt/scs/sap/businessattributesetreplicatio</t>
  </si>
  <si>
    <t>{{Protocol-Hostname-Port}}/sap/bc/srt/xip/sap/servicerequestattachmentfolder/{{client}}/service/binding</t>
  </si>
  <si>
    <t>{{Protocol-Hostname-Port}}/sap/bc/srt/xip/sap/externalsalesdocumentdataquery/{{client}}/externaldoc/extdoc</t>
  </si>
  <si>
    <t>{{Protocol-Hostname-Port}}/sap/opu/odata/sap/CUAN_IMPORT_SRV/</t>
  </si>
  <si>
    <t>com.sap.scenarios.cod2erp.opportunityattachmentreplication</t>
  </si>
  <si>
    <t>com.sap.scenarios.c4c2s4.opportunityattachment.replicate</t>
  </si>
  <si>
    <t>/cxf/COD/ERP/OpportunityAttachmentFolderReplicationOut</t>
  </si>
  <si>
    <t>/cxf/C4C/S4/OpportunityAttachmentFolderReplicationOut</t>
  </si>
  <si>
    <t>{{Protocol-Hostname-Port}}/sap/bc/srt/scs/sap/opportunityattachmentfolderrep</t>
  </si>
  <si>
    <t>{{Protocol-Hostname-Port}}/sap/bc/srt/scs/sap/leadattachmentfolderreplicatio</t>
  </si>
  <si>
    <t>{{Protocol-Hostname-Port}}/sap/bc/srt/scs/sap/humancapitalmanagementmasterda</t>
  </si>
  <si>
    <t>{{Protocol-Hostname-Port}}/sap/bc/srt/scs/sap/salesterritoryreplicationiniti</t>
  </si>
  <si>
    <t>{{Protocol-Hostname-Port}}/sap/bc/srt/scs/sap/activitybulkreplicationconfirm</t>
  </si>
  <si>
    <t>{{Protocol-Hostname-Port}}/sap/bc/srt/scs/sap/activityreplicationin</t>
  </si>
  <si>
    <t>{{Protocol-Hostname-Port}}/sap/bc/srt/scs/sap/customerquoteprocessingupdati1</t>
  </si>
  <si>
    <t>{{Protocol-Hostname-Port}}/sap/bc/srt/scs/sap/leadconfirmationin</t>
  </si>
  <si>
    <t>{{Protocol-Hostname-Port}}/sap/bc/srt/scs/sap/leadreplicationinitiatedbyexte</t>
  </si>
  <si>
    <t>{{Protocol-Hostname-Port}}/sap/bc/srt/scs/sap/opportunityreplicationinitiate</t>
  </si>
  <si>
    <t>{{Protocol-Hostname-Port}}/sap/bc/srt/scs/sap/opportunityreplicationin</t>
  </si>
  <si>
    <t>{{Protocol-Hostname-Port}}/sap/bc/srt/scs/sap/servicerequestprocessingreques</t>
  </si>
  <si>
    <t>{{Protocol-Hostname-Port}}/sap/bc/srt/xip/sap/externalsalesdocumentdataquery/&lt;sap-client&gt;/externaldoc/extdoc</t>
  </si>
  <si>
    <t>{{Protocol-Hostname-Port}}/sap/bc/srt/idoc?sap-client=&lt;sap-client&gt;</t>
  </si>
  <si>
    <t xml:space="preserve">{{Protocol-Hostname-Port}}/sap/bc/srt/scs/sap/ecc_customerquote006qr?sap-client={{client}} </t>
  </si>
  <si>
    <t>{{Protocol-Hostname-Port}}/sap/bc/srt/scs/sap/contractattachmentfolderreplic?sap-client={{client}}</t>
  </si>
  <si>
    <t>{{Protocol-Hostname-Port}}/sap/bc/srt/scs/sap/ecc_salesorder009qr?sap-client={{client}}</t>
  </si>
  <si>
    <t>{{Protocol-Hostname-Port}}/sap/bc/srt/scs/sap/salesorderpricinginformationqu?sap-client={{client}}</t>
  </si>
  <si>
    <t>{{Protocol-Hostname-Port}}/sap/bc/srt/scs/sap/ecc_exchgratebyer_qr?sap-client={{client}}</t>
  </si>
  <si>
    <t>{{Protocol-Hostname-Port}}/sap/bc/srt/rfc/sap/cod_get_customer_fact_sheet?sap-client={{client}}</t>
  </si>
  <si>
    <t>{{Protocol-Hostname-Port}}/sap/bc/srt/scs/sap/crmpcd_get_customer_fact_sheet?sap-client={{client}}</t>
  </si>
  <si>
    <t xml:space="preserve">{{Protocol-Hostname-Port}}/sap/bc/srt/scs/sap/attachmentfolderreplicationre1?sap-client={{client}} </t>
  </si>
  <si>
    <t>{{Protocol-Hostname-Port}}/sap/bc/srt/scs/sap/employeereplicationin2</t>
  </si>
  <si>
    <t>/cxf/C4C/S4/ReplicateContractAttachment</t>
  </si>
  <si>
    <t>com.sap.scenarios.c4c2s4.contractattachment.replicate</t>
  </si>
  <si>
    <t>Account Hierarchy Simple Replication from SAP Business Suite</t>
  </si>
  <si>
    <t>/cxf/S4/C4C/COD_CUSTHIERMAS.COD_CUSTHIERMAS01</t>
  </si>
  <si>
    <t>S4_C4C_AccountHierarchyReplication</t>
  </si>
  <si>
    <t>Business Partner</t>
  </si>
  <si>
    <t>BusinessPartnerHierarchySimpleReplicationIn</t>
  </si>
  <si>
    <t>com.sap.scenarios.s42c4c.accounthierarchy.replicate</t>
  </si>
  <si>
    <t>C4C_S4_CustomerOrderReplicationConfirmation</t>
  </si>
  <si>
    <t>com.sap.scenarios.c4c2s4.salesorderconfirmation.replicate</t>
  </si>
  <si>
    <t>/cxf/C4C/S4/SalesOrderConfirmationOut</t>
  </si>
  <si>
    <t>Sales Order</t>
  </si>
  <si>
    <t>/cxf/C4C/S4/ConfirmMaterialReplication</t>
  </si>
  <si>
    <t>C4C_S4_MaterialReplicationConfirmation</t>
  </si>
  <si>
    <t>com.sap.scenarios.c4c2s4.materialconfirmation.replicate</t>
  </si>
  <si>
    <t>Deprecated - Notify Ticket of Follow Up Document from SAP Business Suite</t>
  </si>
  <si>
    <t>S4_C4C_ServiceRequestConfirmationWithIntegrationLogs</t>
  </si>
  <si>
    <t>com.sap.scenarios.s42c4c.servicerequestfollowupnotifcication.v2</t>
  </si>
  <si>
    <t>/cxf/S4/C4C/COD_CONFIRM_CREATEFROMDAT.COD_CONFIRM_CREATEFROMDAT01</t>
  </si>
  <si>
    <t>/cxf/S4/C4C/COND_A.COND_A04</t>
  </si>
  <si>
    <t>/cxf/C4C/S4/ReplicateSalesOrderAttachment</t>
  </si>
  <si>
    <t>com.sap.scenarios.c4c2s4.salesorderattachment.replicate</t>
  </si>
  <si>
    <t>C4C_S4_OpportunityFollowupBusinessTransactionDocumentRequest</t>
  </si>
  <si>
    <t>S4_C4C_MaterialReplicationRequest</t>
  </si>
  <si>
    <t>S4_C4C_CustomerOrderReplication</t>
  </si>
  <si>
    <t>Connectivity check with SAP Business Suite</t>
  </si>
  <si>
    <t>/cxf/S4/C4C/SimpleConnect</t>
  </si>
  <si>
    <t>/cxf/C4C/S4/SimpleConnect</t>
  </si>
  <si>
    <t>S4_C4C_ConnectivityCheck</t>
  </si>
  <si>
    <t>C4C_S4_CheckEnd2EndConnectivity</t>
  </si>
  <si>
    <t>com.sap.scenarios.s42c4c.simpleconnectivity</t>
  </si>
  <si>
    <t>com.sap.scenarios.c4c2s4.simpleconnectivity</t>
  </si>
  <si>
    <t>COD_CONNECTIVITY_PROVIDER</t>
  </si>
  <si>
    <t>ConnectivityCheckRequestin</t>
  </si>
  <si>
    <t>ConnectivityCheckRequestOut</t>
  </si>
  <si>
    <t>This service is used for budget billing display, create, simulate, edit and deactivate</t>
  </si>
  <si>
    <t>CO_UTILITIES_BBP_OUT</t>
  </si>
  <si>
    <t>Utilities_Budget_Billing_Out</t>
  </si>
  <si>
    <t>COD_UTILITIES_BUDGET_BILLING</t>
  </si>
  <si>
    <t>Utilities_Budget_Billing_In</t>
  </si>
  <si>
    <t>Utilities Budget Billing</t>
  </si>
  <si>
    <t>ERP_COD_Utilities_Budget_Billing</t>
  </si>
  <si>
    <t>Customer TI, Account TI</t>
  </si>
  <si>
    <t>This service is used to display the installation facts for a particular installation selected. This service would be triggered when a contract is selected from the Utilities Rate Change facet from Customer/Account TI  in C4C</t>
  </si>
  <si>
    <t>CO_UTILITIES_INST_FACTS_OUT</t>
  </si>
  <si>
    <t>Utilities_InstallationFacts_Out</t>
  </si>
  <si>
    <t>COD_UTILITIES_INST_FACTS</t>
  </si>
  <si>
    <t>Utilities_InstallationFacts_In</t>
  </si>
  <si>
    <t>Utilities Installation Facts</t>
  </si>
  <si>
    <t>COD_ERP_Utilities_InstallationFacts</t>
  </si>
  <si>
    <t>This service is used to change the rate category or installation facts for a particular installation selected. This service would be triggered when a contract is selected from the Utilities Rate Change Facet from Customer/Account TI and the Change Rate category is clicked.</t>
  </si>
  <si>
    <t>CO_UTILITIES_RATECAT_CHANG_OUT</t>
  </si>
  <si>
    <t>Utilities_Rate_Category_Change_Out</t>
  </si>
  <si>
    <t>COD_UTILITIES_RATE_CAT_CHANGE</t>
  </si>
  <si>
    <t>Utilities_Rate_Category_Change_In</t>
  </si>
  <si>
    <t>Utilities Rate Category Change</t>
  </si>
  <si>
    <t>COD_ERP_Utilities_Rate_Category_Change</t>
  </si>
  <si>
    <t>Customer TI, Account TI, Premise TI</t>
  </si>
  <si>
    <t>This service is used to get the service notification details for a particular customer/premise. This service would be triggered from service notification facet from Customer/Account/Premise TI.</t>
  </si>
  <si>
    <t>CO_UTILITIES_SRV_NOTIF_GET_OUT</t>
  </si>
  <si>
    <t>Utilities_ServiceNotification_Get_Out</t>
  </si>
  <si>
    <t>COD_ERP_UTIL_SRV_NOTIF_GET</t>
  </si>
  <si>
    <t>Utilities_ServiceNotification_Get_In</t>
  </si>
  <si>
    <t>Utilities Service Notification Get</t>
  </si>
  <si>
    <t>COD_ERP_Utilities_ServiceNotification_Get</t>
  </si>
  <si>
    <t xml:space="preserve">Customer TI, Account TI,Service Notification </t>
  </si>
  <si>
    <t>This service is used to modify the particular  service notification customer/premise. This service would be triggered when Create/Edit/Cancel  Notification is called  from Service Notification facet.</t>
  </si>
  <si>
    <t>CO_UTILITIES_SRV_NOTI_CRT_OUT</t>
  </si>
  <si>
    <t>Utilities_ServiceNotification_Modify_Out</t>
  </si>
  <si>
    <t>COD_ERP_UTIL_SRV_NOTIF_MODIF</t>
  </si>
  <si>
    <t>Utilities_ServiceNotification_Modify_In</t>
  </si>
  <si>
    <t>Utilities Service Notification Create and Change</t>
  </si>
  <si>
    <t>COD_ERP_Utilities_ServiceNotification_Modify</t>
  </si>
  <si>
    <t>SERVICE_REQUEST_INDUSTRY_EXT</t>
  </si>
  <si>
    <t>This is a service request industry extension outbound service  used to create BPEM cases in ERP. This service would be triggered when the generate exception is clicked from Ticket TI in C4C</t>
  </si>
  <si>
    <t>CO_APCRM_SRQ_IND_EXT_REQ_OUT</t>
  </si>
  <si>
    <t>ServiceRequestIndustryExtensionExternalRequest_Out</t>
  </si>
  <si>
    <t>II_COD_SERVICE_REQUEST_INDUSTR</t>
  </si>
  <si>
    <t>ServiceRequestIndustryExtensionExternalRequest_In</t>
  </si>
  <si>
    <t>Industry Service Request Replication to External System</t>
  </si>
  <si>
    <t>Replicate Industry Service Request</t>
  </si>
  <si>
    <t>COD_ERP_ServiceRequestIndustryExtensionExternalRequest</t>
  </si>
  <si>
    <t>SERVICE_REQUEST</t>
  </si>
  <si>
    <t>This Service is for BPEM notfication, Once the BPEM is created is created ERP will send back the confirmation to C4C to update BTDReference</t>
  </si>
  <si>
    <t>II_APCRM_SRQ_DELEGATE_REQ_IN</t>
  </si>
  <si>
    <t>ServiceRequestIndustryExtensionExternalRequestConfirm_Out</t>
  </si>
  <si>
    <t>CO_COSERVICE_REQUEST_INDUSTRY</t>
  </si>
  <si>
    <t>ServiceRequestIndustryExtensionExternalRequestConfirm_In</t>
  </si>
  <si>
    <t>Service Ticket Delegation to SAP Business Suite</t>
  </si>
  <si>
    <t>Confirm Service Ticket Delegation from SAP Business Suite</t>
  </si>
  <si>
    <t>ERP_COD_ServiceRequestIndustryExtensionExternalRequestConfirm</t>
  </si>
  <si>
    <t>https://{{Host}}:{{Port}}/sap/bc/srt/scs/sap/servicerequestprocessingreques?MessageId</t>
  </si>
  <si>
    <t>CO_UTILITIES_FINDCUST</t>
  </si>
  <si>
    <t>C4C_S4_ContractSimulation_Request
C4C_S4_ContractSimulation_Response</t>
  </si>
  <si>
    <t>C4C_S4_ExternalSalesDocumentDataQuerySync_req
C4C_S4_ExternalSalesDocumentDataQuerySync_resp</t>
  </si>
  <si>
    <t>C4C_S4_SalesOrderPricingInformationQuery
C4C_S4_SalesOrderPricingInformationResponse</t>
  </si>
  <si>
    <t>C4C_S4_ServiceRequestExternalSalesDocumentDataQuerySync_req
C4C_S4_ServiceRequestExternalSalesDocumentDataQuerySync_resp</t>
  </si>
  <si>
    <t>Check End of Purpose of Business Partners from SAP Business Suite</t>
  </si>
  <si>
    <t>Business Partner End of Purpose Check from SAP Business Suite</t>
  </si>
  <si>
    <t>Maintain End of Purpose of Business Partners from SAP Business Suite</t>
  </si>
  <si>
    <t>C4C 18/05</t>
  </si>
  <si>
    <t>ABABusinessPartnerEOPRemoteOut</t>
  </si>
  <si>
    <t>ABABusinessPartnerEOPComplout</t>
  </si>
  <si>
    <t>BusinessPartnerEndOfPurposeMaintainIn</t>
  </si>
  <si>
    <t>BusinessPartnerEndOfPurposeCheckIn</t>
  </si>
  <si>
    <t>{{Protocol-Hostname-Port}}/sap/bc/srt/scs/sap/businesspartnerendofpurposeche</t>
  </si>
  <si>
    <t>{{Protocol-Hostname-Port}}/sap/bc/srt/scs/sap/businesspartnerendofpurposemai</t>
  </si>
  <si>
    <t>/cxf/S4/C4C/BusinessPartnerEndOfPurposeMaintain</t>
  </si>
  <si>
    <t>/cxf/S4/C4C/BusinessPartnerEndOfPurposeCheck</t>
  </si>
  <si>
    <t>com.sap.scenarios.s42c4.businesspartnereopcheck.query</t>
  </si>
  <si>
    <t>com.sap.scenarios.s42c4.businesspartnereopmaintain.query</t>
  </si>
  <si>
    <t>S4_C4C_BusinessPartnerEndOfPurposeCheckRequest
S4_C4C_BusinessPartnerEndOfPurposeCheckResponse</t>
  </si>
  <si>
    <t>S4_C4C_BusinessPartnerEndOfPurposeSetRequest
S4_C4C_BusinessPartnerEndOfPurposeSetResponse</t>
  </si>
  <si>
    <t>S4_C4C_SimplifiedEmployeeReplication</t>
  </si>
  <si>
    <t>com.sap.scenarios.s42c4c.employee.replicate.v1</t>
  </si>
  <si>
    <t>com.sap.scenarios.crm2c4.businesspartnereopcheck.query</t>
  </si>
  <si>
    <t>com.sap.scenarios.crm2c4.businesspartnereopmaintain.query</t>
  </si>
  <si>
    <t>CRM_C4C_BusinessPartnerEndOfPurposeCheckRequest
CRM_C4C_BusinessPartnerEndOfPurposeCheckResponse</t>
  </si>
  <si>
    <t>/cxf/CRM/C4C/BusinessPartnerEndOfPurposeCheck</t>
  </si>
  <si>
    <t>/cxf/CRM/C4C/BusinessPartnerEndOfPurposeMaintain</t>
  </si>
  <si>
    <t>CRM_C4C_BusinessPartnerEndOfPurposeSetRequest
CRM_C4C_BusinessPartnerEndOfPurposeSetResponse</t>
  </si>
  <si>
    <t>Request Marketing Permissions and Subscriptions from SAP Business Suite</t>
  </si>
  <si>
    <t>QueryMarketingPermissionsAndSubscriptionsOut</t>
  </si>
  <si>
    <t>API_MKT_INTERACTION_CONTACT_SRV</t>
  </si>
  <si>
    <t>/cxf/C4C/yMKT/QueryMarketingPermissionsAndSubscriptionsOut</t>
  </si>
  <si>
    <t>{{Protocol-Hostname-Port}}/sap/opu/odata/sap/API_MKT_INTERACTION_CONTACT_SRV/</t>
  </si>
  <si>
    <t>COD_CUAN_QueryMarketingPermissionAndSubscription_Req
COD_CUAN_QueryMarketingPermissionAndSubscription_Res</t>
  </si>
  <si>
    <t>Request_Marketing_Permissions_and_Subscriptions_from_SAP_Business_Suite</t>
  </si>
  <si>
    <t>Business Partner End of Purpose Check from SAP ERP</t>
  </si>
  <si>
    <t>CustomerERPEndOfPurposeCheckQueryResponse_Out</t>
  </si>
  <si>
    <t>BusinessPartnerERPEndOfPurposeCheckIn</t>
  </si>
  <si>
    <t>/cxf/ERP/C4C/BusinessPartnerEndOfPurposeCheck</t>
  </si>
  <si>
    <t>{{Protocol-Hostname-Port}}/sap/bc/srt/scs/sap/businesspartnererpendofpurpose</t>
  </si>
  <si>
    <t>ERP_COD_BusinessPartnerEndOfPurposeCheckRequest
ERP_COD_BusinessPartnerEndOfPurposeCheckResponse</t>
  </si>
  <si>
    <t>com.sap.scenarios.erp2c4c.businesspartnereopcheck.query</t>
  </si>
  <si>
    <t>DEBMAS_CFS_DEBMAS07</t>
  </si>
  <si>
    <t>/cxf/ERP/COD/DEBMAS_CFS.DEBMAS07</t>
  </si>
  <si>
    <t>ERP_COD_BusinessPartnerERPBulkReplicateRequest_DEBMAS07</t>
  </si>
  <si>
    <t>com.sap.scenarios.erp2cod.customermaster.replicate.gdpr</t>
  </si>
  <si>
    <t>ERP_COD_ContractCallOffStatisticsReplication</t>
  </si>
  <si>
    <t>Replicate_Contract_Call-Off_Statistics_from_SAP_Business_Suite</t>
  </si>
  <si>
    <t>/cxf/ERP/C4C/ContractCallOffStatisticsReplicationOut</t>
  </si>
  <si>
    <t>{{Protocol-Hostname-Port}}/sap/bc/srt/scs/sap/contractcalloffstatisticsrepli</t>
  </si>
  <si>
    <t>Replicate Contract Call-Off Statistics from SAP Business Suite</t>
  </si>
  <si>
    <t>ContractCallOffStatisticsReplicationOut</t>
  </si>
  <si>
    <t>ContractCallOffStatisticsReplicationIn</t>
  </si>
  <si>
    <t>HRMD_A_CFS.HRMD_A07</t>
  </si>
  <si>
    <t>ERP_COD_SimplifiedEmployeeReplication</t>
  </si>
  <si>
    <t>Replicate_Employee_from_SAP_Business_Suite</t>
  </si>
  <si>
    <t>Employee Replication using Intermediate Staging Area from SAP Business Suite</t>
  </si>
  <si>
    <t>{{Protocol-Hostname-Port}}/sap/bc/srt/scs/sap/humancapitalmanagementmasterd6</t>
  </si>
  <si>
    <t>ERP_COD_Employee_Replication</t>
  </si>
  <si>
    <t>com.sap.scenarios.erp2cod.employee.replicate</t>
  </si>
  <si>
    <t>Fetch simulation result for a selected rate category</t>
  </si>
  <si>
    <t>CO_UTILITIES_RATE_SIMULATE_OUT</t>
  </si>
  <si>
    <t>Utilities_BillingSimulation_Out</t>
  </si>
  <si>
    <t>COD_UTIL_BILL_SIM_SCENARIO</t>
  </si>
  <si>
    <t>Utilities_BillingSimulation_In</t>
  </si>
  <si>
    <t>Utilities Rate Simulation</t>
  </si>
  <si>
    <t>COD_ERP_Utilities_BillingSimulation</t>
  </si>
  <si>
    <t>Fetch Business contact for a selected customer</t>
  </si>
  <si>
    <t>CO_UTILITY_BUS_CONTACT_GET_OUT</t>
  </si>
  <si>
    <t>Utilities_BusinessContact_Get_Out</t>
  </si>
  <si>
    <t>COD_UTIL_BCONTACT_GET_LIST</t>
  </si>
  <si>
    <t>Utilities_BusinessContact_Get_In</t>
  </si>
  <si>
    <t>Utilities Business Contact Get</t>
  </si>
  <si>
    <t>COD_ERP_Utilities_BusinessContact_Get</t>
  </si>
  <si>
    <t>S4H Service Name</t>
  </si>
  <si>
    <t>Performs Re-bill</t>
  </si>
  <si>
    <t>S4H</t>
  </si>
  <si>
    <t>ISU_C4C_BICO_REBILL</t>
  </si>
  <si>
    <t>{{Protocol-Hostname-Port}}/sap/bc/srt/rfc/sap/isu_c4c_bico_rebill/{{Client}}/isu_c4c_bico_rebill/utilities_billcorrectionrebill</t>
  </si>
  <si>
    <t>ISU_C4C_MR_ESTIMATE</t>
  </si>
  <si>
    <t>{{Protocol-Hostname-Port}}/sap/bc/srt/rfc/sap/isu_c4c_mr_estimate/{{Client}}/isu_c4c_mr_estimate/utilities_estimate_service_in</t>
  </si>
  <si>
    <t>ISU_C4C_ACCOUNT_OVERVIEW</t>
  </si>
  <si>
    <t>{{Protocol-Hostname-Port}}/sap/bc/srt/rfc/sap/isu_c4c_account_overview/{{Client}}/isu_c4c_account_overview/isu_c4c_account_overview</t>
  </si>
  <si>
    <t>Gets meter readings for Bills</t>
  </si>
  <si>
    <t>Utilities_BillCorrectionGetMeterReading_In</t>
  </si>
  <si>
    <t>ISU_C4C_BICO_GET_MR</t>
  </si>
  <si>
    <t>{{Protocol-Hostname-Port}}/sap/bc/srt/rfc/sap/isu_c4c_bico_get_mr/{{Client}}/isu_c4c_bico_get_mr/isu_c4c_bico_get_mr</t>
  </si>
  <si>
    <t>Utilities_FindContractAccount_In</t>
  </si>
  <si>
    <t>ISU_C4C_FINDCA</t>
  </si>
  <si>
    <t>{{Protocol-Hostname-Port}}/sap/bc/srt/rfc/sap/isu_c4c_findca/{{Client}}/isu_c4c_findca/utilities_findcontractaccount_in</t>
  </si>
  <si>
    <t>Utilities_FindPremise_In</t>
  </si>
  <si>
    <t>ISU_C4C_FINDPREM</t>
  </si>
  <si>
    <t>{{Protocol-Hostname-Port}}/sap/bc/srt/rfc/sap/isu_c4c_findprem/{{Client}}/isu_c4c_findprem/utilities_findpremise_in</t>
  </si>
  <si>
    <t>ISU_C4C_CR_BILL_ACTION</t>
  </si>
  <si>
    <t>{{Protocol-Hostname-Port}}/sap/bc/srt/rfc/sap/isu_c4c_cr_bill_action/{{Client}}/isu_c4c_cr_bill_action/utilities_createbillaction</t>
  </si>
  <si>
    <t>ISU_C4C_GET_BILLING_OVW</t>
  </si>
  <si>
    <t>{{Protocol-Hostname-Port}}/sap/bc/srt/rfc/sap/isu_c4c_get_billing_ovw/{{Client}}/isu_c4c_get_billing_ovw/utilities_billing_overview</t>
  </si>
  <si>
    <t>During move-in</t>
  </si>
  <si>
    <t>ISU_C4C_UTILITIES_RATE_CAT_GET</t>
  </si>
  <si>
    <t>{{Protocol-Hostname-Port}}/sap/bc/srt/rfc/sap/isu_c4c_utilities_rate_cat_get/{{Client}}/utilities_rate_category_in/utilities_rate_category</t>
  </si>
  <si>
    <t>Dropdowns</t>
  </si>
  <si>
    <t>Utilities_ValueHelp_In</t>
  </si>
  <si>
    <t>ISU_C4C_VALUE_HELP</t>
  </si>
  <si>
    <t>{{Protocol-Hostname-Port}}/sap/bc/srt/rfc/sap/isu_c4c_value_help/{{Client}}/utilities_valuehelp_in/utilities_valuehelp_in</t>
  </si>
  <si>
    <t>ISU_C4C_SRV_ORD_CREATE</t>
  </si>
  <si>
    <t>{{Protocol-Hostname-Port}}/sap/bc/srt/rfc/sap/isu_c4c_srv_ord_create/{{Client}}/utilities_serviceorder_in/utilities_serviceorder</t>
  </si>
  <si>
    <t>ISU_C4C_CONTRACT_ACCOUNT</t>
  </si>
  <si>
    <t>{{Protocol-Hostname-Port}}/sap/bc/srt/rfc/sap/isu_c4c_contract_account/{{Client}}/isu_c4c_contract_account/utilities_contractaccountcreate</t>
  </si>
  <si>
    <t>AccountSearch_In</t>
  </si>
  <si>
    <t>ISU_C4C_ACCOUNT_SEARCH</t>
  </si>
  <si>
    <t>{{Protocol-Hostname-Port}}/sap/bc/srt/rfc/sap/isu_c4c_account_search/{{Client}}/isu_c4c_account_search/isu_c4c_account_search</t>
  </si>
  <si>
    <t>ISU_C4C_LOCKS</t>
  </si>
  <si>
    <t>{{Protocol-Hostname-Port}}/sap/bc/srt/rfc/sap/isu_c4c_locks/{{Client}}/isu_c4c_locks_in/isu_c4c_locks_in</t>
  </si>
  <si>
    <t>ISU_C4C_UTILITIES_CANCL_MVIMVO</t>
  </si>
  <si>
    <t>{{Protocol-Hostname-Port}}/sap/bc/srt/rfc/sap/isu_c4c_utilities_cancl_mvimvo/{{Client}}/utilities_moveinmoveoutcancel_in/utilities_moveinmoveoutcancel</t>
  </si>
  <si>
    <t>ISU_C4C_BICO_REVERSE</t>
  </si>
  <si>
    <t>{{Protocol-Hostname-Port}}/sap/bc/srt/rfc/sap/isu_c4c_bico_reverse/{{Client}}/isu_c4c_bico_reverse/utilities_billcorrectionreversal</t>
  </si>
  <si>
    <t>ISU_C4C_METER_READ_CRT</t>
  </si>
  <si>
    <t>{{Protocol-Hostname-Port}}/sap/bc/srt/rfc/sap/isu_c4c_meter_read_crt/{{Client}}/isu_c4c_meter_read_crt/utilities_meterreadingcreate</t>
  </si>
  <si>
    <t>ISU_C4C_UTILITIES_ISUMOVIN_CRT</t>
  </si>
  <si>
    <t>{{Protocol-Hostname-Port}}/sap/bc/srt/rfc/sap/isu_c4c_utilities_isumovin_crt/{{Client}}/utilities_movein_in/utilities_movein</t>
  </si>
  <si>
    <t>ISU_C4C_UTILITIES_MOVEOUT_CRT</t>
  </si>
  <si>
    <t>{{Protocol-Hostname-Port}}/sap/bc/srt/rfc/sap/isu_c4c_utilities_moveout_crt/{{Client}}/utilities_moveout_in/utilities_moveout</t>
  </si>
  <si>
    <t>ISU_C4C_METER_READ_GET</t>
  </si>
  <si>
    <t>https://host:port/sap/bc/srt/rfc/sap/&lt;binding endpoint in S4H system&gt;</t>
  </si>
  <si>
    <t>ISU_C4C_FINDCUST</t>
  </si>
  <si>
    <t>{{Protocol-Hostname-Port}}/sap/bc/srt/rfc/sap/isu_c4c_findcust/{{Client}}/isu_c4c_findcust/utilities_findcustomer_in</t>
  </si>
  <si>
    <t>ISU_C4C_BICO_REVERSE_ADJ</t>
  </si>
  <si>
    <t>{{Protocol-Hostname-Port}}/sap/bc/srt/rfc/sap/isu_c4c_bico_reverse_adj/{{Client}}/isu_c4c_bico_reverse_adj/utilities_billcorrectionreversaladjustment</t>
  </si>
  <si>
    <t>ISU_C4C_INSTALLMENT_PLAN</t>
  </si>
  <si>
    <t>{{Protocol-Hostname-Port}}/sap/bc/srt/rfc/sap/isu_c4c_installment_plan/{{Client}}/isu_c4c_installment_plan/utilities_inst_plan</t>
  </si>
  <si>
    <t>ISU_C4C_UTILITIES_MOINOUTTR_SO</t>
  </si>
  <si>
    <t>{{Protocol-Hostname-Port}}/sap/bc/srt/rfc/sap/isu_c4c_utilities_moinouttr_so/{{Client}}/utilities_moveinmoveout_serviceo/utilities_moveinmoveout_serviceorder</t>
  </si>
  <si>
    <t>Display invoice pdf</t>
  </si>
  <si>
    <t>ISU_C4C_BICO_INV_PDF_GET</t>
  </si>
  <si>
    <t>{{Protocol-Hostname-Port}}/sap/bc/srt/rfc/sap/isu_c4c_bico_inv_pdf_get/{{Client}}/isu_c4c_bico_inv_pdf_get/isu_c4c_bico_inv_pdf_get</t>
  </si>
  <si>
    <t>ISU_C4C_FINDPOD2</t>
  </si>
  <si>
    <t>{{Protocol-Hostname-Port}}/sap/bc/srt/rfc/sap/isu_c4c_findpod2/{{Client}}/isu_c4c_findpod2/utilities_findpod_v2_in</t>
  </si>
  <si>
    <t>Display premise details</t>
  </si>
  <si>
    <t>ISU_C4C_PREMISE_TI</t>
  </si>
  <si>
    <t>{{Protocol-Hostname-Port}}/sap/bc/srt/rfc/sap/isu_c4c_premise_ti/{{Client}}/utilities_premiseti_in/utilities_premiseti_in</t>
  </si>
  <si>
    <t>Display customer 360, object hierarchy</t>
  </si>
  <si>
    <t>ISU_C4C_OBJECT_HIER_V2</t>
  </si>
  <si>
    <t>{{Protocol-Hostname-Port}}/sap/bc/srt/rfc/sap/isu_c4c_object_hier_v2/{{Client}}/utilities_objecthierarchy_v2_in/utilities_objecthierarchy_v2_in</t>
  </si>
  <si>
    <t>ISU_C4C_MR_GET</t>
  </si>
  <si>
    <t>{{Protocol-Hostname-Port}}/sap/bc/srt/rfc/sap/isu_c4c_mr_get/{{Client}}/utilities_meterreadingget_in/utilities_meterreadingget</t>
  </si>
  <si>
    <t>ISU_C4C_CONTRACT_ACCOUNT_V1</t>
  </si>
  <si>
    <t>{{Protocol-Hostname-Port}}/sap/bc/srt/rfc/sap/isu_c4c_contract_account_v1/{{Client}}/isu_c4c_contract_account_v1/utilities_contract_account_create</t>
  </si>
  <si>
    <t>ISU_C4C_SWITCHDOC_GET</t>
  </si>
  <si>
    <t>{{Protocol-Hostname-Port}}/sap/bc/srt/rfc/sap/isu_c4c_switchdoc_get/{{Client}}/utilities_enrollmentswitchdocume/utilities_enrollmentswitchdocumentstatus</t>
  </si>
  <si>
    <t>ISU_C4C_SRV_ORD_GET</t>
  </si>
  <si>
    <t>{{Protocol-Hostname-Port}}/sap/bc/srt/rfc/sap/isu_c4c_srv_ord_get/{{Client}}/utilities_serviceorder_get_in/utilities_serviceorder_get</t>
  </si>
  <si>
    <t>This service is used to fetch the data based on the hierarchy model created in S4H. The same hierarchy structure is displayed in C4C containing the data.</t>
  </si>
  <si>
    <t>ISU_C4C_CONF_HIER_GET</t>
  </si>
  <si>
    <t>{{Protocol-Hostname-Port}}/sap/bc/srt/rfc/sap/isu_c4c_conf_hier_get/{{Client}}/isu_c4c_conf_hier_get/utilities_config_object_hierarchy</t>
  </si>
  <si>
    <t>ISU_C4C_UTILITIES_MDT_MVI_CRT</t>
  </si>
  <si>
    <t>{{Protocol-Hostname-Port}}/sap/bc/srt/rfc/sap/isu_c4c_utilities_mdt_mvi_crt/{{Client}}/utilities_mdt_mvi_create_in/utilities_mdt_mvi_create</t>
  </si>
  <si>
    <t>ISU_C4C_BUDGET_BILLING</t>
  </si>
  <si>
    <t>ISU_C4C_UTIL_INST_FACTS</t>
  </si>
  <si>
    <t>ISU_C4C_SRV_NOTIF_Modif</t>
  </si>
  <si>
    <t>{{Protocol-Hostname-Port}}/sap/bc/srt/rfc/sap/isu_c4c_srv_notif_get/{{client}}/utilities_servicenotification_ge/utilities_servicenotification_get</t>
  </si>
  <si>
    <t>ISU_C4C_SRV_NOTIF_Get</t>
  </si>
  <si>
    <t>{{Protocol-Hostname-Port}}/sap/bc/srt/rfc/sap/isu_c4c_srv_notif_modif/{{client}}/utilities_servicenotification_mo/utilities_servicenotification_modify</t>
  </si>
  <si>
    <t>ISU_C4C_BILL_SIM_SCENARIO</t>
  </si>
  <si>
    <t>{{Protocol-Hostname-Port}}/sap/bc/srt/rfc/sap/isu_c4c_bill_sim_scenario/{{Client}}/isu_c4c_bill_sim_scenario/isu_c4c_bill_sim_scenario</t>
  </si>
  <si>
    <t>ISU_C4C_UTIL_BCONTACT_GET_LIST</t>
  </si>
  <si>
    <t>{{Protocol-Hostname-Port}}/sap/bc/srt/rfc/sap/isu_c4c_util_bcontact_get_list/{{Client}}/isu_c4c_util_bcontact_get_list/isu_c4c_util_bcontact_get_list</t>
  </si>
  <si>
    <t>S4H on-premise report</t>
  </si>
  <si>
    <t>CO_UTILITIES_TECHINICAL_OBJEST</t>
  </si>
  <si>
    <t>https://{{Host}}:{{Port}}/sap/bc/srt/scs/sap/utilitiestechnicalobjectreplic</t>
  </si>
  <si>
    <t>II_UTILITY_BUAG_REPL_S4H_IN</t>
  </si>
  <si>
    <t>ISU_C4C_CONTRACT_ACCOUNT_REPL_ISU_C4C_CONTRACT_ACCOUNT_REP01</t>
  </si>
  <si>
    <t>IDOC:  ISU_C4C_CONTRACT_ACCOUNT_REPL
Message Type:COD_UTILITIES_ISU_ACCOUNT_REP</t>
  </si>
  <si>
    <t>S4H Contract Account Replication</t>
  </si>
  <si>
    <t>https://{{Host}}:{{Port}}//sap/bc/srt/scs/sap/businessagreementreplicationi1</t>
  </si>
  <si>
    <t>This service is triggered from the C4C Enrolment GAF on click of Submit Action in Step 5 (Or Submit action in Quote TI). The service contains details from the Utilities Lean quote and also fields specific to Enrolment Process such as Point of Delivery, Contract Account, Switch Type, Switch View, Old Supplier etc..This service creates a switch document in S4H On Premise system and triggers a notification back to C4C to update the Quote line item with the switch document ID</t>
  </si>
  <si>
    <t>https://{{Host}}:{{Port}}/sap/bc/srt/xip/sap/utilities_leanquote_si_in1/{{client}}/utilities_leanquote_si_in/utilities_leanquote_si</t>
  </si>
  <si>
    <t>CO_CUSTOMER_QUOTE_PROCESSING_U</t>
  </si>
  <si>
    <t>https://{{Host}}:{{Port}}/sap/bc/srt/scs/sap/customerquoteprocessingupdati1?MessageId</t>
  </si>
  <si>
    <t>II_ISU_C4C_SERVICE_REQUEST_IND</t>
  </si>
  <si>
    <t>CO_ISU_C4C_SERVICE_REQUEST_IND</t>
  </si>
  <si>
    <t>Replicate Business Partner Relationship and Business Partner Hierarchy from SAP Business Suite</t>
  </si>
  <si>
    <t>CRM_COD_BusinessPartnerRelationship_Replicate2</t>
  </si>
  <si>
    <t>CRM_COD_BusinessPartnerHierarchySimple_Replication</t>
  </si>
  <si>
    <t>com.sap.scenarios.crm2cod.businesspartner.relationships.replicate.v2</t>
  </si>
  <si>
    <t>COD_ERP_ExternalSalesDocumentDataQuerySync_req_v1
COD_ERP_ExternalSalesDocumentDataQuerySync_resp</t>
  </si>
  <si>
    <t>COD_ERP_ServiceRequestExternalSalesDocumentDataQuerySync_req
COD_ERP_ServiceRequestExternalSalesDocumentDataQuerySync_resp</t>
  </si>
  <si>
    <t>COD_ERP_SimulateContract_Request
COD_ERP_SimulateContract_Response</t>
  </si>
  <si>
    <t xml:space="preserve"> Business Partner Replication from SAP ERP (Valid for ERP 6.0 - ERP 6.0 Ehp 6)</t>
  </si>
  <si>
    <t>Business Partner Replication from SAP ERP (Valid for ERP 6.0 Ehp 7 and following)</t>
  </si>
  <si>
    <t>Material Replication from SAP Business Suite (Valid for S/4HANA Release 1511 – 1709)</t>
  </si>
  <si>
    <t>Material Replication from SAP Business Suite (Valid for S/4HANA Release 1809 and following)</t>
  </si>
  <si>
    <t>C4C 18/08</t>
  </si>
  <si>
    <t>ProductMDMBulkReplicateConfirmation_In</t>
  </si>
  <si>
    <t>{{Protocol-Host-Port}}/sap/bc/srt/scs/sap/productmdmbulkreplicateconfirm?sap-client={{Client}}</t>
  </si>
  <si>
    <t>C4C_S4_MaterialReplicationConfirmation_v1</t>
  </si>
  <si>
    <t>com.sap.scenarios.c4c2s4.materialconfirmation.replicate.v1</t>
  </si>
  <si>
    <t>Pricing in Service Ticket Follow Up Scenario in SAP Business Suite</t>
  </si>
  <si>
    <t>Check End of Purpose of Customers from SAP Business Suite</t>
  </si>
  <si>
    <t>/cxf/S4/C4C/CustomerEndOfPurposeCheck</t>
  </si>
  <si>
    <t>https://{{Host}}/sap/bc/srt/scs/sap/businesspartnererpendofpurpose</t>
  </si>
  <si>
    <t>S4_C4C_CustomerEndOfPurposeCheckRequest
S4_C4C_CustomerEndOfPurposeCheckResponse</t>
  </si>
  <si>
    <t>com.sap.scenarios.s42c4.customereopcheck.query</t>
  </si>
  <si>
    <t>Maintain End of Purpose of Customers from SAP Business Suite</t>
  </si>
  <si>
    <t>C4C 18/11</t>
  </si>
  <si>
    <t>CustomerERPEndOfPurposeBlockNotification_Out</t>
  </si>
  <si>
    <t>BusinessPartnerERPEndOfPurposeMaintainIn</t>
  </si>
  <si>
    <t>/cxf/S4/C4C/CustomerERPEndOfPurposeBlockNotification_Out</t>
  </si>
  <si>
    <t>https://{{Host}}:{{Port}}/sap/bc/srt/scs/sap/businesspartnererpendofpurpos1</t>
  </si>
  <si>
    <t>com.sap.scenarios.s42c4.customereopmaintain.replicate</t>
  </si>
  <si>
    <t>Replicate Key Mapping from SAP Business Suite</t>
  </si>
  <si>
    <t>Key Mapping Replication from SAP Business Suite</t>
  </si>
  <si>
    <t>KeyMappingBulkReplicateRequest_Out</t>
  </si>
  <si>
    <t>KeyMappingBulkReplicateRequest_In</t>
  </si>
  <si>
    <t>com.sap.scenarios.s42c4c.keymappingreplicate</t>
  </si>
  <si>
    <t>S4_C4C_KeyMappingReplication</t>
  </si>
  <si>
    <t>/cxf/S4/C4C/KeyMappingBulkReplicateRequest_Out</t>
  </si>
  <si>
    <t>https://{{Host}}:{{Port}}/sap/bc/srt/scs/sap/KeyMappingBulkReplicateReques1</t>
  </si>
  <si>
    <t>S4_C4C_CustomerEndOfPurposeSetRequest</t>
  </si>
  <si>
    <t>ID mapping</t>
  </si>
  <si>
    <t>C4C 19/02</t>
  </si>
  <si>
    <t>Replicate ID Mapping from SAP Business Suite</t>
  </si>
  <si>
    <t>ID Mapping Replication from SAP Business Suite</t>
  </si>
  <si>
    <t>/cxf/ERP/C4C/KeyMappingBulkReplicateRequest_Out</t>
  </si>
  <si>
    <t>https://{{Host}}:{{Port}}/sap/bc/srt/scs/sap/keymappingbulkreplicatereques1</t>
  </si>
  <si>
    <t>ERPBP_C4C_KeyMappingReplication</t>
  </si>
  <si>
    <t>com.sap.scenarios.erp2c4c.keymappingreplicate</t>
  </si>
  <si>
    <t>Confirm Business Partner Relationship Replication from SAP MDG</t>
  </si>
  <si>
    <t>com.sap.scenarios.mdg2c4c.businesspartnerrelationshipconfirmation</t>
  </si>
  <si>
    <t>/cxf/MDG/C4C/BusinessPartnerRelationshipConfirmation</t>
  </si>
  <si>
    <t>Confirm Business Partner Replication from SAP MDG</t>
  </si>
  <si>
    <t>com.sap.scenarios.mdg2c4c.businesspartnerconfirmation</t>
  </si>
  <si>
    <t>/cxf/MDG/C4C/BusinessPartnerConfirmation</t>
  </si>
  <si>
    <t>https://{{Host}}/sap/bc/srt/scs/sap/businesspartnerreplicationself</t>
  </si>
  <si>
    <t>https://{{Host}}/sap/bc/srt/scs/sap/businesspartnerrelationshipre1</t>
  </si>
  <si>
    <t>Confirm Business Partner Replication to SAP MDG</t>
  </si>
  <si>
    <t>/cxf/C4C/MDG/BusinessPartnerConfirmation</t>
  </si>
  <si>
    <t>{{Protocol-Hostname-Port}}/sap/bc/srt/scs/sap/businesspartnersuitebulkrepli1?sap-client={{client}}</t>
  </si>
  <si>
    <t>com.sap.scenarios.c4c2mdg.businesspartnerconfirmation</t>
  </si>
  <si>
    <t>BusinessPartnerSUITEBulkReplicateConfirmation</t>
  </si>
  <si>
    <t>Replicate Business Partner from SAP MDG</t>
  </si>
  <si>
    <t>/cxf/MDG/C4C/BusinessPartnerReplication</t>
  </si>
  <si>
    <t>C4C_ERPBP_BusinessPartnerReplication</t>
  </si>
  <si>
    <t>com.sap.scenarios.mdg2c4c.businesspartner.replicate</t>
  </si>
  <si>
    <t>ERPBP_C4C_BusinessPartnerReplication</t>
  </si>
  <si>
    <t>https://{{Host}}/sap/bc/srt/scs/sap/businesspartnerreplicationin</t>
  </si>
  <si>
    <t>Replicate Business Partner Relationship from SAP MDG</t>
  </si>
  <si>
    <t>https://{{Host}}/sap/bc/srt/scs/sap/businesspartnerrelationshiprep</t>
  </si>
  <si>
    <t>/cxf/MDG/C4C/BusinessPartnerRelationshipReplication</t>
  </si>
  <si>
    <t>com.sap.scenarios.mdg2c4c.businesspartnerrelationship.replicate</t>
  </si>
  <si>
    <t>Replicate Business Partner Relationship to SAP MDG</t>
  </si>
  <si>
    <t>com.sap.scenarios.c4c2mdg.businesspartnerrelationship.replicate</t>
  </si>
  <si>
    <t>C4C_ERPBP_BusinessPartnerRelationshipReplication</t>
  </si>
  <si>
    <t>ERPBP_C4C_BusinessPartnerRelationshipReplication</t>
  </si>
  <si>
    <t>/cxf/C4C/MDG/BusinessPartnerRelationshipReplication</t>
  </si>
  <si>
    <t>http://{{Prot-Host-Port}}/sap/bc/srt/scs/sap/businesspartnerrelationshipsui?sap-client={{Client}}</t>
  </si>
  <si>
    <t>Replicate Business Partner to SAP MDG</t>
  </si>
  <si>
    <t>com.sap.scenarios.c4c2mdg.businesspartner.replicate</t>
  </si>
  <si>
    <t>/cxf/C4C/MDG/BusinessPartnerReplication</t>
  </si>
  <si>
    <t>{{Prot-Host-Port}}/sap/bc/srt/scs/sap/businesspartnersuitebulkreplic?sap-client={{Client}}</t>
  </si>
  <si>
    <t>Notify Sales Quote of Sales Order Request Creation in SAP Business Suite</t>
  </si>
  <si>
    <t>C4C 19/05</t>
  </si>
  <si>
    <t>/cxf/S4/C4C/CustomerQuoteFollowUpOrderRequestConfirmation_Out</t>
  </si>
  <si>
    <t>https://{{C4C-Host}}/sap/bc/srt/scs/sap/customerquoteprocessingsalesor</t>
  </si>
  <si>
    <t>S4_C4C_CustomerQuoteFollowUpOrderCreationConfirmation</t>
  </si>
  <si>
    <t>com.sap.scenarios.s42c4c.quotefollowupconfirmation.replicate</t>
  </si>
  <si>
    <t>CustomerQuoteFollowUpOrderRequestConfirmation_Out</t>
  </si>
  <si>
    <t>Customer Quote</t>
  </si>
  <si>
    <t>S4_C4C_SalesPriceSpecificationReplicateMassRequest_v1</t>
  </si>
  <si>
    <t>com.sap.scenarios.s42c4c.salespricespecification.replicate.v1</t>
  </si>
  <si>
    <t>Sales Price Specification</t>
  </si>
  <si>
    <t>COD_ERP_BusinessPartnerERPContactAddressReplication</t>
  </si>
  <si>
    <t>ERP_COD_CustomerQuoteFollowUpOrderRequestConfirmation</t>
  </si>
  <si>
    <t>Confirm Follow Up Sales Order for Replicated Sales Quote from SAP Business Suite</t>
  </si>
  <si>
    <t>com.sap.scenarios.erp2cod.quotefollowupconfirmation.replicate</t>
  </si>
  <si>
    <t>/cxf/ERP/COD/CustomerQuoteFollowUpOrderRequestConfirmation_Out</t>
  </si>
  <si>
    <t>Lead Replication to SAP  Marketing</t>
  </si>
  <si>
    <t>Replicate Marketing Lead to SAP  Marketing</t>
  </si>
  <si>
    <t>Deprecated - Replicate Lead with Business Partner Address Information from SAP  Marketing</t>
  </si>
  <si>
    <t>Lead Replication from SAP  Marketing</t>
  </si>
  <si>
    <t>Replicate Lead with Business Partner Address Information from SAP  Marketing</t>
  </si>
  <si>
    <t>Replicate Business Activity to SAP  Marketing</t>
  </si>
  <si>
    <t>Business Activity Replication to SAP  Marketing</t>
  </si>
  <si>
    <t>Confirm Lead Replication to SAP  Marketing</t>
  </si>
  <si>
    <t>Replicate Business Partner to SAP  Marketing</t>
  </si>
  <si>
    <t>Business Partner Replication to SAP  Marketing</t>
  </si>
  <si>
    <t>Replicate Business Partner Relationship to SAP  Marketing</t>
  </si>
  <si>
    <t>Replicate Opportunity to SAP  Marketing</t>
  </si>
  <si>
    <t>Opportunity Replication to SAP  Marketing</t>
  </si>
  <si>
    <t>Replicate Business Activity from SAP  Marketing</t>
  </si>
  <si>
    <t>Business Activity Replication from SAP  Marketing</t>
  </si>
  <si>
    <t>Confirm Business Activity Replication to SAP  Marketing</t>
  </si>
  <si>
    <t>Replicate Marketing Permission to SAP  Marketing</t>
  </si>
  <si>
    <t>Marketing Permission Replication to SAP  Marketing</t>
  </si>
  <si>
    <t>Replicate Business Attribute Assignment to SAP  Marketing</t>
  </si>
  <si>
    <t>Business Attribute and Assignment Replication with SAP  Marketing</t>
  </si>
  <si>
    <t>Replicate Business Attribute Set to SAP  Marketing</t>
  </si>
  <si>
    <t>Replicate Campaign from SAP  Marketing</t>
  </si>
  <si>
    <t>Campaign Replication from SAP  Marketing</t>
  </si>
  <si>
    <t>Request Campaign Interactions from SAP  Marketing</t>
  </si>
  <si>
    <t>Request Marketing Permissions and Subscriptions from SAP  Marketing</t>
  </si>
  <si>
    <t>COD_CUAN_Service_Ticket_Replication</t>
  </si>
  <si>
    <t>com.sap.scenarios.c4c2ymkt.servicerequestreplicate</t>
  </si>
  <si>
    <t>Replicate Service Ticket to SAP Marketing</t>
  </si>
  <si>
    <t>C4C 19/08</t>
  </si>
  <si>
    <t>RequestTicketReplicationExternalOut</t>
  </si>
  <si>
    <t>/cxf/C4C/MKT/RequestTicketReplicationExternalOut</t>
  </si>
  <si>
    <t>Replicate Service Ticket to SAP Business Suite</t>
  </si>
  <si>
    <t>Service Ticket Replication to SAP Business Suite</t>
  </si>
  <si>
    <t>Service Ticket Replication to SAP Marketing</t>
  </si>
  <si>
    <t>/cxf/S4/C4C/COD_STOCK_REPLICATE_COD_STOCK_REPLICATE01</t>
  </si>
  <si>
    <t>https://{{C4C-Host}}/sap/bc/srt/scs/sap/stocklocationreplicationin</t>
  </si>
  <si>
    <t>S4_C4C_StockReplication</t>
  </si>
  <si>
    <t>com.sap.scenarios.s42c4c.stock.replicate</t>
  </si>
  <si>
    <t>ProductMDMBulkReplicateRequest_Out</t>
  </si>
  <si>
    <t>/cxf/S4/C4C/ProductMDMBulkReplicateRequest</t>
  </si>
  <si>
    <t>https://{{C4C-Host}}/sap/bc/srt/scs/sap/materialreplicationinitiatedby</t>
  </si>
  <si>
    <t>S4_C4C_MaterialReplicationRequest_v1</t>
  </si>
  <si>
    <t>com.sap.scenarios.s42c4c.material.replicate.v1</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2" x14ac:knownFonts="1">
    <font>
      <sz val="11"/>
      <color theme="1"/>
      <name val="Calibri"/>
      <family val="2"/>
      <scheme val="minor"/>
    </font>
    <font>
      <sz val="9"/>
      <color indexed="81"/>
      <name val="Tahoma"/>
      <family val="2"/>
    </font>
    <font>
      <b/>
      <sz val="9"/>
      <color indexed="81"/>
      <name val="Tahoma"/>
      <family val="2"/>
    </font>
    <font>
      <sz val="9"/>
      <color indexed="81"/>
      <name val="Tahoma"/>
      <charset val="1"/>
    </font>
    <font>
      <b/>
      <sz val="9"/>
      <color indexed="81"/>
      <name val="Tahoma"/>
      <charset val="1"/>
    </font>
    <font>
      <sz val="11"/>
      <color theme="1"/>
      <name val="Calibri"/>
      <family val="2"/>
      <scheme val="minor"/>
    </font>
    <font>
      <b/>
      <sz val="11"/>
      <color theme="0"/>
      <name val="Calibri"/>
      <family val="2"/>
      <scheme val="minor"/>
    </font>
    <font>
      <u/>
      <sz val="11"/>
      <color theme="10"/>
      <name val="Calibri"/>
      <family val="2"/>
      <scheme val="minor"/>
    </font>
    <font>
      <b/>
      <sz val="11"/>
      <color theme="1"/>
      <name val="Calibri"/>
      <family val="2"/>
      <scheme val="minor"/>
    </font>
    <font>
      <b/>
      <sz val="29"/>
      <color rgb="FF666666"/>
      <name val="Arial"/>
      <family val="2"/>
    </font>
    <font>
      <sz val="12"/>
      <color rgb="FF000000"/>
      <name val="Arial"/>
      <family val="2"/>
    </font>
    <font>
      <sz val="12"/>
      <color theme="1"/>
      <name val="Arial"/>
      <family val="2"/>
    </font>
    <font>
      <sz val="10"/>
      <color theme="1"/>
      <name val="Calibri"/>
      <family val="2"/>
      <scheme val="minor"/>
    </font>
    <font>
      <sz val="12"/>
      <color theme="1"/>
      <name val="Calibri"/>
      <family val="2"/>
      <scheme val="minor"/>
    </font>
    <font>
      <sz val="18"/>
      <color theme="0"/>
      <name val="Calibri"/>
      <family val="2"/>
      <scheme val="minor"/>
    </font>
    <font>
      <b/>
      <sz val="36"/>
      <color theme="0"/>
      <name val="Calibri"/>
      <family val="2"/>
      <scheme val="minor"/>
    </font>
    <font>
      <b/>
      <sz val="12"/>
      <color theme="1"/>
      <name val="Calibri"/>
      <family val="2"/>
      <scheme val="minor"/>
    </font>
    <font>
      <b/>
      <sz val="14"/>
      <color theme="0"/>
      <name val="Calibri"/>
      <family val="2"/>
      <scheme val="minor"/>
    </font>
    <font>
      <sz val="11"/>
      <color theme="1"/>
      <name val="Calibri"/>
      <scheme val="minor"/>
    </font>
    <font>
      <sz val="10"/>
      <color rgb="FF000000"/>
      <name val="Segoe UI"/>
      <family val="2"/>
    </font>
    <font>
      <sz val="11"/>
      <color rgb="FF1F497D"/>
      <name val="Calibri"/>
      <family val="2"/>
      <scheme val="minor"/>
    </font>
    <font>
      <sz val="11"/>
      <color rgb="FF000000"/>
      <name val="Segoe UI"/>
      <family val="2"/>
    </font>
  </fonts>
  <fills count="6">
    <fill>
      <patternFill patternType="none"/>
    </fill>
    <fill>
      <patternFill patternType="gray125"/>
    </fill>
    <fill>
      <patternFill patternType="solid">
        <fgColor theme="4"/>
        <bgColor indexed="64"/>
      </patternFill>
    </fill>
    <fill>
      <patternFill patternType="solid">
        <fgColor theme="9"/>
        <bgColor theme="9"/>
      </patternFill>
    </fill>
    <fill>
      <patternFill patternType="solid">
        <fgColor theme="9" tint="0.79998168889431442"/>
        <bgColor theme="9" tint="0.79998168889431442"/>
      </patternFill>
    </fill>
    <fill>
      <patternFill patternType="solid">
        <fgColor theme="9"/>
        <bgColor indexed="64"/>
      </patternFill>
    </fill>
  </fills>
  <borders count="6">
    <border>
      <left/>
      <right/>
      <top/>
      <bottom/>
      <diagonal/>
    </border>
    <border>
      <left style="medium">
        <color rgb="FF3C5D70"/>
      </left>
      <right/>
      <top/>
      <bottom/>
      <diagonal/>
    </border>
    <border>
      <left style="thin">
        <color theme="9" tint="0.39997558519241921"/>
      </left>
      <right/>
      <top style="thin">
        <color theme="9" tint="0.39997558519241921"/>
      </top>
      <bottom style="thin">
        <color theme="9" tint="0.39997558519241921"/>
      </bottom>
      <diagonal/>
    </border>
    <border>
      <left style="thin">
        <color theme="9" tint="0.39997558519241921"/>
      </left>
      <right/>
      <top style="thin">
        <color theme="9" tint="0.39997558519241921"/>
      </top>
      <bottom/>
      <diagonal/>
    </border>
    <border>
      <left/>
      <right/>
      <top style="thin">
        <color theme="9" tint="0.39997558519241921"/>
      </top>
      <bottom style="thin">
        <color theme="9" tint="0.39997558519241921"/>
      </bottom>
      <diagonal/>
    </border>
    <border>
      <left style="thin">
        <color theme="0"/>
      </left>
      <right style="thin">
        <color theme="0"/>
      </right>
      <top style="thin">
        <color theme="0"/>
      </top>
      <bottom/>
      <diagonal/>
    </border>
  </borders>
  <cellStyleXfs count="2">
    <xf numFmtId="0" fontId="0" fillId="0" borderId="0"/>
    <xf numFmtId="0" fontId="7" fillId="0" borderId="0" applyNumberFormat="0" applyFill="0" applyBorder="0" applyAlignment="0" applyProtection="0"/>
  </cellStyleXfs>
  <cellXfs count="83">
    <xf numFmtId="0" fontId="0" fillId="0" borderId="0" xfId="0"/>
    <xf numFmtId="0" fontId="9" fillId="0" borderId="0" xfId="0" applyFont="1" applyAlignment="1">
      <alignment horizontal="left" vertical="center" readingOrder="1"/>
    </xf>
    <xf numFmtId="0" fontId="10" fillId="0" borderId="0" xfId="0" applyFont="1" applyAlignment="1">
      <alignment horizontal="left" vertical="center" wrapText="1" readingOrder="1"/>
    </xf>
    <xf numFmtId="0" fontId="11" fillId="0" borderId="0" xfId="0" applyFont="1" applyAlignment="1">
      <alignment wrapText="1"/>
    </xf>
    <xf numFmtId="0" fontId="12" fillId="0" borderId="0" xfId="0" applyFont="1" applyAlignment="1">
      <alignment vertical="top"/>
    </xf>
    <xf numFmtId="0" fontId="12" fillId="0" borderId="0" xfId="0" applyFont="1" applyAlignment="1">
      <alignment vertical="top" wrapText="1"/>
    </xf>
    <xf numFmtId="0" fontId="0" fillId="0" borderId="0" xfId="0" applyAlignment="1">
      <alignment wrapText="1"/>
    </xf>
    <xf numFmtId="0" fontId="13" fillId="0" borderId="0" xfId="0" applyFont="1" applyAlignment="1">
      <alignment vertical="top"/>
    </xf>
    <xf numFmtId="0" fontId="13" fillId="0" borderId="0" xfId="0" applyFont="1" applyAlignment="1">
      <alignment vertical="top" wrapText="1"/>
    </xf>
    <xf numFmtId="49" fontId="12" fillId="0" borderId="0" xfId="0" applyNumberFormat="1" applyFont="1" applyAlignment="1">
      <alignment horizontal="right" vertical="top" wrapText="1"/>
    </xf>
    <xf numFmtId="0" fontId="0" fillId="0" borderId="0" xfId="0" applyFont="1"/>
    <xf numFmtId="0" fontId="12" fillId="0" borderId="0" xfId="0" applyFont="1" applyFill="1" applyAlignment="1">
      <alignment vertical="top" wrapText="1"/>
    </xf>
    <xf numFmtId="0" fontId="0" fillId="0" borderId="0" xfId="0" applyFont="1" applyAlignment="1">
      <alignment vertical="top"/>
    </xf>
    <xf numFmtId="0" fontId="0" fillId="0" borderId="0" xfId="0" applyFont="1" applyAlignment="1">
      <alignment vertical="top" wrapText="1"/>
    </xf>
    <xf numFmtId="0" fontId="0" fillId="0" borderId="0" xfId="0" applyFont="1" applyAlignment="1">
      <alignment wrapText="1"/>
    </xf>
    <xf numFmtId="0" fontId="0" fillId="0" borderId="0" xfId="0" applyAlignment="1">
      <alignment wrapText="1"/>
    </xf>
    <xf numFmtId="0" fontId="12" fillId="2" borderId="0" xfId="0" applyFont="1" applyFill="1" applyAlignment="1">
      <alignment vertical="top" wrapText="1"/>
    </xf>
    <xf numFmtId="0" fontId="0" fillId="2" borderId="0" xfId="0" applyFill="1" applyAlignment="1">
      <alignment wrapText="1"/>
    </xf>
    <xf numFmtId="0" fontId="14" fillId="2" borderId="0" xfId="0" applyFont="1" applyFill="1" applyAlignment="1">
      <alignment vertical="top" wrapText="1"/>
    </xf>
    <xf numFmtId="0" fontId="15" fillId="2" borderId="0" xfId="0" applyFont="1" applyFill="1" applyAlignment="1">
      <alignment vertical="top"/>
    </xf>
    <xf numFmtId="0" fontId="0" fillId="0" borderId="1" xfId="0" applyBorder="1" applyAlignment="1">
      <alignment wrapText="1"/>
    </xf>
    <xf numFmtId="0" fontId="0" fillId="0" borderId="0" xfId="0" applyBorder="1" applyAlignment="1">
      <alignment wrapText="1"/>
    </xf>
    <xf numFmtId="0" fontId="16" fillId="2" borderId="0" xfId="0" applyFont="1" applyFill="1" applyBorder="1" applyAlignment="1">
      <alignment vertical="center"/>
    </xf>
    <xf numFmtId="0" fontId="17" fillId="2" borderId="1" xfId="0" applyFont="1" applyFill="1" applyBorder="1" applyAlignment="1">
      <alignment horizontal="left" vertical="center"/>
    </xf>
    <xf numFmtId="0" fontId="0" fillId="0" borderId="0" xfId="0" applyFont="1" applyFill="1" applyAlignment="1"/>
    <xf numFmtId="0" fontId="0" fillId="0" borderId="0" xfId="0" applyFill="1" applyAlignment="1"/>
    <xf numFmtId="0" fontId="0" fillId="0" borderId="0" xfId="0" applyFont="1" applyFill="1" applyAlignment="1">
      <alignment vertical="top"/>
    </xf>
    <xf numFmtId="49" fontId="0" fillId="0" borderId="0" xfId="0" applyNumberFormat="1" applyFont="1" applyFill="1" applyAlignment="1">
      <alignment horizontal="right" vertical="top"/>
    </xf>
    <xf numFmtId="0" fontId="0" fillId="0" borderId="2" xfId="0" applyFont="1" applyBorder="1" applyAlignment="1"/>
    <xf numFmtId="49" fontId="0" fillId="0" borderId="0" xfId="0" applyNumberFormat="1" applyFont="1" applyFill="1" applyAlignment="1">
      <alignment horizontal="left" vertical="top"/>
    </xf>
    <xf numFmtId="0" fontId="0" fillId="0" borderId="0" xfId="0" applyFont="1" applyFill="1" applyAlignment="1">
      <alignment horizontal="left"/>
    </xf>
    <xf numFmtId="0" fontId="0" fillId="0" borderId="0" xfId="0" applyFill="1" applyAlignment="1">
      <alignment horizontal="left"/>
    </xf>
    <xf numFmtId="0" fontId="0" fillId="0" borderId="0" xfId="0" applyFill="1" applyBorder="1" applyAlignment="1"/>
    <xf numFmtId="0" fontId="0" fillId="0" borderId="0" xfId="0" applyFont="1" applyFill="1" applyBorder="1" applyAlignment="1">
      <alignment vertical="top"/>
    </xf>
    <xf numFmtId="0" fontId="0" fillId="0" borderId="0" xfId="0" applyFill="1" applyBorder="1" applyAlignment="1">
      <alignment horizontal="left"/>
    </xf>
    <xf numFmtId="0" fontId="0" fillId="0" borderId="3" xfId="0" applyFont="1" applyFill="1" applyBorder="1" applyAlignment="1"/>
    <xf numFmtId="0" fontId="18" fillId="0" borderId="0" xfId="0" applyFont="1" applyFill="1" applyBorder="1" applyAlignment="1">
      <alignment vertical="top"/>
    </xf>
    <xf numFmtId="0" fontId="0" fillId="0" borderId="0" xfId="0" applyFont="1" applyFill="1" applyBorder="1" applyAlignment="1"/>
    <xf numFmtId="0" fontId="0" fillId="0" borderId="0" xfId="0" applyFill="1" applyBorder="1" applyAlignment="1">
      <alignment horizontal="left" wrapText="1"/>
    </xf>
    <xf numFmtId="0" fontId="5" fillId="0" borderId="0" xfId="1" applyFont="1" applyFill="1" applyAlignment="1">
      <alignment vertical="top"/>
    </xf>
    <xf numFmtId="0" fontId="18" fillId="0" borderId="0" xfId="0" applyFont="1" applyFill="1" applyAlignment="1">
      <alignment vertical="top"/>
    </xf>
    <xf numFmtId="0" fontId="6" fillId="3" borderId="4" xfId="0" applyFont="1" applyFill="1" applyBorder="1" applyAlignment="1"/>
    <xf numFmtId="0" fontId="0" fillId="4" borderId="4" xfId="0" applyFont="1" applyFill="1" applyBorder="1" applyAlignment="1"/>
    <xf numFmtId="0" fontId="8" fillId="0" borderId="0" xfId="0" applyFont="1" applyAlignment="1"/>
    <xf numFmtId="0" fontId="8" fillId="0" borderId="0" xfId="0" applyFont="1" applyAlignment="1">
      <alignment wrapText="1"/>
    </xf>
    <xf numFmtId="0" fontId="0" fillId="0" borderId="0" xfId="0" applyAlignment="1"/>
    <xf numFmtId="0" fontId="6" fillId="5" borderId="0" xfId="0" applyFont="1" applyFill="1" applyAlignment="1"/>
    <xf numFmtId="0" fontId="6" fillId="5" borderId="0" xfId="0" applyFont="1" applyFill="1" applyAlignment="1">
      <alignment wrapText="1"/>
    </xf>
    <xf numFmtId="0" fontId="6" fillId="3" borderId="0" xfId="0" applyFont="1" applyFill="1" applyBorder="1" applyAlignment="1"/>
    <xf numFmtId="0" fontId="19" fillId="0" borderId="0" xfId="0" applyFont="1" applyAlignment="1">
      <alignment vertical="center"/>
    </xf>
    <xf numFmtId="0" fontId="0" fillId="0" borderId="4" xfId="0" applyFont="1" applyBorder="1" applyAlignment="1"/>
    <xf numFmtId="0" fontId="0" fillId="4" borderId="2" xfId="0" applyFont="1" applyFill="1" applyBorder="1" applyAlignment="1"/>
    <xf numFmtId="0" fontId="0" fillId="0" borderId="4" xfId="0" applyFont="1" applyBorder="1"/>
    <xf numFmtId="0" fontId="0" fillId="0" borderId="0" xfId="0" applyAlignment="1">
      <alignment vertical="center"/>
    </xf>
    <xf numFmtId="0" fontId="0" fillId="0" borderId="0" xfId="0" applyFill="1" applyAlignment="1">
      <alignment wrapText="1"/>
    </xf>
    <xf numFmtId="0" fontId="0" fillId="0" borderId="0" xfId="0" applyFill="1" applyAlignment="1">
      <alignment horizontal="left" wrapText="1"/>
    </xf>
    <xf numFmtId="0" fontId="0" fillId="0" borderId="0" xfId="0" applyFont="1" applyFill="1" applyAlignment="1">
      <alignment wrapText="1"/>
    </xf>
    <xf numFmtId="49" fontId="0" fillId="0" borderId="0" xfId="0" applyNumberFormat="1" applyFont="1" applyFill="1" applyAlignment="1">
      <alignment horizontal="left" vertical="top" wrapText="1"/>
    </xf>
    <xf numFmtId="0" fontId="0" fillId="0" borderId="2" xfId="0" applyFont="1" applyFill="1" applyBorder="1" applyAlignment="1"/>
    <xf numFmtId="0" fontId="0" fillId="0" borderId="0" xfId="0" applyFont="1" applyFill="1" applyBorder="1" applyAlignment="1">
      <alignment vertical="top" wrapText="1"/>
    </xf>
    <xf numFmtId="0" fontId="0" fillId="0" borderId="0" xfId="0" applyFont="1" applyFill="1" applyBorder="1" applyAlignment="1">
      <alignment wrapText="1"/>
    </xf>
    <xf numFmtId="0" fontId="0" fillId="0" borderId="0" xfId="0" applyFont="1" applyFill="1" applyBorder="1" applyAlignment="1">
      <alignment horizontal="left" wrapText="1"/>
    </xf>
    <xf numFmtId="49" fontId="0" fillId="0" borderId="0" xfId="0" applyNumberFormat="1" applyFont="1" applyFill="1" applyAlignment="1">
      <alignment horizontal="left"/>
    </xf>
    <xf numFmtId="0" fontId="0" fillId="0" borderId="0" xfId="0" applyFill="1"/>
    <xf numFmtId="0" fontId="0" fillId="0" borderId="0" xfId="0" applyFill="1" applyBorder="1" applyAlignment="1">
      <alignment wrapText="1"/>
    </xf>
    <xf numFmtId="0" fontId="0" fillId="0" borderId="3" xfId="0" applyFont="1" applyFill="1" applyBorder="1" applyAlignment="1">
      <alignment wrapText="1"/>
    </xf>
    <xf numFmtId="0" fontId="20" fillId="0" borderId="0" xfId="0" applyFont="1" applyAlignment="1">
      <alignment vertical="center"/>
    </xf>
    <xf numFmtId="0" fontId="0" fillId="0" borderId="0" xfId="0" applyAlignment="1">
      <alignment horizontal="left"/>
    </xf>
    <xf numFmtId="0" fontId="6" fillId="3" borderId="4" xfId="0" applyFont="1" applyFill="1" applyBorder="1" applyAlignment="1">
      <alignment horizontal="left"/>
    </xf>
    <xf numFmtId="0" fontId="0" fillId="4" borderId="4" xfId="0" applyFont="1" applyFill="1" applyBorder="1" applyAlignment="1">
      <alignment horizontal="center"/>
    </xf>
    <xf numFmtId="0" fontId="0" fillId="4" borderId="4" xfId="0" applyFont="1" applyFill="1" applyBorder="1" applyAlignment="1">
      <alignment horizontal="left"/>
    </xf>
    <xf numFmtId="0" fontId="0" fillId="0" borderId="0" xfId="0" applyAlignment="1">
      <alignment horizontal="center"/>
    </xf>
    <xf numFmtId="0" fontId="0" fillId="0" borderId="0" xfId="0" applyFont="1" applyAlignment="1"/>
    <xf numFmtId="0" fontId="21" fillId="0" borderId="0" xfId="0" applyFont="1" applyAlignment="1">
      <alignment vertical="center"/>
    </xf>
    <xf numFmtId="0" fontId="0" fillId="0" borderId="0" xfId="0" applyFont="1" applyAlignment="1">
      <alignment horizontal="center"/>
    </xf>
    <xf numFmtId="0" fontId="0" fillId="0" borderId="0" xfId="0" applyFont="1" applyAlignment="1">
      <alignment horizontal="left"/>
    </xf>
    <xf numFmtId="0" fontId="0" fillId="0" borderId="2" xfId="0" applyFont="1" applyBorder="1" applyAlignment="1">
      <alignment wrapText="1"/>
    </xf>
    <xf numFmtId="0" fontId="0" fillId="0" borderId="0" xfId="1" applyFont="1" applyFill="1" applyAlignment="1">
      <alignment vertical="top"/>
    </xf>
    <xf numFmtId="0" fontId="0" fillId="4" borderId="5" xfId="0" applyFont="1" applyFill="1" applyBorder="1" applyAlignment="1">
      <alignment vertical="top"/>
    </xf>
    <xf numFmtId="0" fontId="0" fillId="4" borderId="5" xfId="0" applyFont="1" applyFill="1" applyBorder="1" applyAlignment="1"/>
    <xf numFmtId="0" fontId="0" fillId="0" borderId="0" xfId="0" applyBorder="1" applyAlignment="1">
      <alignment horizontal="left" wrapText="1"/>
    </xf>
    <xf numFmtId="0" fontId="0" fillId="0" borderId="0" xfId="0" applyAlignment="1">
      <alignment horizontal="left"/>
    </xf>
    <xf numFmtId="0" fontId="0" fillId="0" borderId="0" xfId="0" applyBorder="1" applyAlignment="1">
      <alignment horizontal="left"/>
    </xf>
  </cellXfs>
  <cellStyles count="2">
    <cellStyle name="Hyperlink" xfId="1" builtinId="8"/>
    <cellStyle name="Normal" xfId="0" builtinId="0"/>
  </cellStyles>
  <dxfs count="27">
    <dxf>
      <font>
        <strike val="0"/>
        <outline val="0"/>
        <shadow val="0"/>
        <u val="none"/>
        <vertAlign val="baseline"/>
        <sz val="11"/>
        <color theme="1"/>
        <name val="Calibri"/>
        <scheme val="minor"/>
      </font>
    </dxf>
    <dxf>
      <font>
        <strike val="0"/>
        <outline val="0"/>
        <shadow val="0"/>
        <u val="none"/>
        <vertAlign val="baseline"/>
        <sz val="11"/>
        <color theme="1"/>
        <name val="Calibri"/>
        <scheme val="minor"/>
      </font>
    </dxf>
    <dxf>
      <font>
        <strike val="0"/>
        <outline val="0"/>
        <shadow val="0"/>
        <u val="none"/>
        <vertAlign val="baseline"/>
        <sz val="11"/>
        <color theme="1"/>
        <name val="Calibri"/>
        <scheme val="minor"/>
      </font>
    </dxf>
    <dxf>
      <font>
        <strike val="0"/>
        <outline val="0"/>
        <shadow val="0"/>
        <u val="none"/>
        <vertAlign val="baseline"/>
        <sz val="11"/>
        <color theme="1"/>
        <name val="Calibri"/>
        <scheme val="minor"/>
      </font>
    </dxf>
    <dxf>
      <font>
        <strike val="0"/>
        <outline val="0"/>
        <shadow val="0"/>
        <u val="none"/>
        <vertAlign val="baseline"/>
        <sz val="11"/>
        <color theme="1"/>
        <name val="Calibri"/>
        <scheme val="minor"/>
      </font>
    </dxf>
    <dxf>
      <font>
        <strike val="0"/>
        <outline val="0"/>
        <shadow val="0"/>
        <u val="none"/>
        <vertAlign val="baseline"/>
        <sz val="11"/>
        <color theme="1"/>
        <name val="Calibri"/>
        <scheme val="minor"/>
      </font>
    </dxf>
    <dxf>
      <font>
        <strike val="0"/>
        <outline val="0"/>
        <shadow val="0"/>
        <u val="none"/>
        <vertAlign val="baseline"/>
        <sz val="11"/>
        <color theme="1"/>
        <name val="Calibri"/>
        <scheme val="minor"/>
      </font>
    </dxf>
    <dxf>
      <font>
        <strike val="0"/>
        <outline val="0"/>
        <shadow val="0"/>
        <u val="none"/>
        <vertAlign val="baseline"/>
        <sz val="11"/>
        <color theme="1"/>
        <name val="Calibri"/>
        <scheme val="minor"/>
      </font>
    </dxf>
    <dxf>
      <font>
        <strike val="0"/>
        <outline val="0"/>
        <shadow val="0"/>
        <u val="none"/>
        <vertAlign val="baseline"/>
        <sz val="11"/>
        <color theme="1"/>
        <name val="Calibri"/>
        <scheme val="minor"/>
      </font>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horizontal="left" vertical="bottom" textRotation="0" wrapText="0" indent="0" justifyLastLine="0" shrinkToFit="0" readingOrder="0"/>
    </dxf>
    <dxf>
      <fill>
        <patternFill patternType="none">
          <fgColor indexed="64"/>
          <bgColor indexed="65"/>
        </patternFill>
      </fill>
      <alignment horizontal="left" textRotation="0" wrapText="0" indent="0" justifyLastLine="0" shrinkToFit="0" readingOrder="0"/>
    </dxf>
    <dxf>
      <fill>
        <patternFill patternType="none">
          <fgColor indexed="64"/>
          <bgColor indexed="65"/>
        </patternFill>
      </fill>
      <alignment horizontal="lef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ont>
        <b val="0"/>
        <i val="0"/>
        <strike val="0"/>
        <condense val="0"/>
        <extend val="0"/>
        <outline val="0"/>
        <shadow val="0"/>
        <u val="none"/>
        <vertAlign val="baseline"/>
        <sz val="11"/>
        <color theme="1"/>
        <name val="Calibri"/>
        <scheme val="minor"/>
      </font>
      <fill>
        <patternFill patternType="none">
          <fgColor indexed="64"/>
          <bgColor indexed="65"/>
        </patternFill>
      </fill>
      <alignment horizontal="general" vertical="top"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
      <fill>
        <patternFill patternType="none">
          <fgColor indexed="64"/>
          <bgColor indexed="65"/>
        </patternFill>
      </fill>
      <alignment textRotation="0" wrapText="0" indent="0" justifyLastLine="0" shrinkToFit="0" readingOrder="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30480</xdr:colOff>
      <xdr:row>14</xdr:row>
      <xdr:rowOff>167640</xdr:rowOff>
    </xdr:from>
    <xdr:to>
      <xdr:col>4</xdr:col>
      <xdr:colOff>358140</xdr:colOff>
      <xdr:row>26</xdr:row>
      <xdr:rowOff>129540</xdr:rowOff>
    </xdr:to>
    <xdr:pic>
      <xdr:nvPicPr>
        <xdr:cNvPr id="1038" name="Picture 1">
          <a:extLst>
            <a:ext uri="{FF2B5EF4-FFF2-40B4-BE49-F238E27FC236}">
              <a16:creationId xmlns:a16="http://schemas.microsoft.com/office/drawing/2014/main" id="{00000000-0008-0000-0000-00000E04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226820" y="4030980"/>
          <a:ext cx="10576560" cy="3855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4" xr:uid="{00000000-000C-0000-FFFF-FFFF00000000}" name="Table4" displayName="Table4" ref="A1:P220" totalsRowShown="0" headerRowDxfId="26" dataDxfId="25">
  <tableColumns count="16">
    <tableColumn id="1" xr3:uid="{00000000-0010-0000-0000-000001000000}" name="Business Object" dataDxfId="24"/>
    <tableColumn id="20" xr3:uid="{00000000-0010-0000-0000-000014000000}" name="Integration Flow Name" dataDxfId="23"/>
    <tableColumn id="3" xr3:uid="{00000000-0010-0000-0000-000003000000}" name="Integration Flow Description " dataDxfId="22"/>
    <tableColumn id="4" xr3:uid="{00000000-0010-0000-0000-000004000000}" name="Release" dataDxfId="21"/>
    <tableColumn id="5" xr3:uid="{00000000-0010-0000-0000-000005000000}" name="Src Sys" dataDxfId="20"/>
    <tableColumn id="6" xr3:uid="{00000000-0010-0000-0000-000006000000}" name="Source Interface" dataDxfId="19"/>
    <tableColumn id="7" xr3:uid="{00000000-0010-0000-0000-000007000000}" name="Trgt Sys" dataDxfId="18"/>
    <tableColumn id="8" xr3:uid="{00000000-0010-0000-0000-000008000000}" name="Target Interface" dataDxfId="17"/>
    <tableColumn id="9" xr3:uid="{00000000-0010-0000-0000-000009000000}" name="Deprecated" dataDxfId="16"/>
    <tableColumn id="10" xr3:uid="{00000000-0010-0000-0000-00000A000000}" name="C4C Communication Arrangement  (Communication Scenario) " dataDxfId="15"/>
    <tableColumn id="11" xr3:uid="{00000000-0010-0000-0000-00000B000000}" name="C4C Communication Arrangement Service " dataDxfId="14"/>
    <tableColumn id="18" xr3:uid="{00000000-0010-0000-0000-000012000000}" name="CXF Path (Integration Flow endpoint)" dataDxfId="13"/>
    <tableColumn id="12" xr3:uid="{00000000-0010-0000-0000-00000C000000}" name="Target System URL " dataDxfId="12"/>
    <tableColumn id="13" xr3:uid="{00000000-0010-0000-0000-00000D000000}" name="Message Mapping" dataDxfId="11"/>
    <tableColumn id="14" xr3:uid="{00000000-0010-0000-0000-00000E000000}" name="Bundle SymbolicName" dataDxfId="10"/>
    <tableColumn id="17" xr3:uid="{00000000-0010-0000-0000-000011000000}" name="Routing Conditions" dataDxfId="9"/>
  </tableColumns>
  <tableStyleInfo name="TableStyleMedium14"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00000000-000C-0000-FFFF-FFFF01000000}" name="Table1" displayName="Table1" ref="A1:G105" totalsRowShown="0" headerRowDxfId="8" dataDxfId="7">
  <autoFilter ref="A1:G105" xr:uid="{00000000-0009-0000-0100-000001000000}"/>
  <tableColumns count="7">
    <tableColumn id="1" xr3:uid="{00000000-0010-0000-0100-000001000000}" name="System" dataDxfId="6"/>
    <tableColumn id="3" xr3:uid="{00000000-0010-0000-0100-000003000000}" name="Interface name" dataDxfId="5"/>
    <tableColumn id="8" xr3:uid="{00000000-0010-0000-0100-000008000000}" name="Adapter Type" dataDxfId="4"/>
    <tableColumn id="4" xr3:uid="{00000000-0010-0000-0100-000004000000}" name="Direction" dataDxfId="3"/>
    <tableColumn id="13" xr3:uid="{00000000-0010-0000-0100-00000D000000}" name="Sync/Async" dataDxfId="2"/>
    <tableColumn id="5" xr3:uid="{00000000-0010-0000-0100-000005000000}" name="Release" dataDxfId="1"/>
    <tableColumn id="7" xr3:uid="{00000000-0010-0000-0100-000007000000}" name="Deprecated" dataDxfId="0"/>
  </tableColumns>
  <tableStyleInfo name="TableStyleMedium7"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8" Type="http://schemas.openxmlformats.org/officeDocument/2006/relationships/hyperlink" Target="javascript:void(0);" TargetMode="External"/><Relationship Id="rId13" Type="http://schemas.openxmlformats.org/officeDocument/2006/relationships/hyperlink" Target="https://qxl-cust238.dev.sapbydesign.com/sap/public/ap/ui/repository/SAP_UI/HTML5/client.html?client_type=html&amp;app.component=/SAP_UI_CT/Main/root.uiccwoc&amp;rootWindow=X&amp;redirectUrl=/sap/public/ap/ui/runtime" TargetMode="External"/><Relationship Id="rId18" Type="http://schemas.openxmlformats.org/officeDocument/2006/relationships/table" Target="../tables/table1.xml"/><Relationship Id="rId3" Type="http://schemas.openxmlformats.org/officeDocument/2006/relationships/hyperlink" Target="https://git.wdf.sap.corp:50000/git/?p=HSC/c4c-crm.git;a=tree;f=com.sap.scenarios.cod2crm.salesdocumentprintpreview.request;hb=2c3d4e162f7ef625716f99d63e25cb169e55e803" TargetMode="External"/><Relationship Id="rId7" Type="http://schemas.openxmlformats.org/officeDocument/2006/relationships/hyperlink" Target="javascript:void(0);" TargetMode="External"/><Relationship Id="rId12" Type="http://schemas.openxmlformats.org/officeDocument/2006/relationships/hyperlink" Target="javascript:void(0);" TargetMode="External"/><Relationship Id="rId17" Type="http://schemas.openxmlformats.org/officeDocument/2006/relationships/vmlDrawing" Target="../drawings/vmlDrawing1.vml"/><Relationship Id="rId2" Type="http://schemas.openxmlformats.org/officeDocument/2006/relationships/hyperlink" Target="https://git.wdf.sap.corp:50000/git/?p=HSC/c4c-crm.git;a=tree;f=com.sap.scenarios.cod2crm.businessdocumentflowquery;hb=25acaf03fe0d258e40b235aa04c1088a64c19017" TargetMode="External"/><Relationship Id="rId16" Type="http://schemas.openxmlformats.org/officeDocument/2006/relationships/printerSettings" Target="../printerSettings/printerSettings2.bin"/><Relationship Id="rId1" Type="http://schemas.openxmlformats.org/officeDocument/2006/relationships/hyperlink" Target="https://git.wdf.sap.corp:50000/git/?p=HSC/c4c-crm.git;a=tree;f=com.sap.scenarios.crm2cod.simpleconnectivity;hb=071d1eb3d195bdeab4aab4a7fd3a3656b37e0cf5" TargetMode="External"/><Relationship Id="rId6" Type="http://schemas.openxmlformats.org/officeDocument/2006/relationships/hyperlink" Target="https://git.wdf.sap.corp:50000/git/?p=HSC/c4c-crm.git;a=tree;f=com.sap.scenarios.cod2crm.businessdocumentflowquery;hb=25acaf03fe0d258e40b235aa04c1088a64c19017" TargetMode="External"/><Relationship Id="rId11" Type="http://schemas.openxmlformats.org/officeDocument/2006/relationships/hyperlink" Target="javascript:void(0);" TargetMode="External"/><Relationship Id="rId5" Type="http://schemas.openxmlformats.org/officeDocument/2006/relationships/hyperlink" Target="https://git.wdf.sap.corp:50000/git/?p=HSC/c4c-crm.git;a=tree;f=com.sap.scenarios.crm2cod.simpleconnectivity;hb=071d1eb3d195bdeab4aab4a7fd3a3656b37e0cf5" TargetMode="External"/><Relationship Id="rId15" Type="http://schemas.openxmlformats.org/officeDocument/2006/relationships/hyperlink" Target="javascript:void(0);" TargetMode="External"/><Relationship Id="rId10" Type="http://schemas.openxmlformats.org/officeDocument/2006/relationships/hyperlink" Target="javascript:void(0);" TargetMode="External"/><Relationship Id="rId19" Type="http://schemas.openxmlformats.org/officeDocument/2006/relationships/comments" Target="../comments1.xml"/><Relationship Id="rId4" Type="http://schemas.openxmlformats.org/officeDocument/2006/relationships/hyperlink" Target="https://git.wdf.sap.corp:50000/git/?p=HSC/c4c-crm.git;a=tree;f=com.sap.scenarios.crm2cod.simpleconnectivity;hb=071d1eb3d195bdeab4aab4a7fd3a3656b37e0cf5" TargetMode="External"/><Relationship Id="rId9" Type="http://schemas.openxmlformats.org/officeDocument/2006/relationships/hyperlink" Target="javascript:void(0);" TargetMode="External"/><Relationship Id="rId14" Type="http://schemas.openxmlformats.org/officeDocument/2006/relationships/hyperlink" Target="javascript:void(0);" TargetMode="External"/></Relationships>
</file>

<file path=xl/worksheets/_rels/sheet3.xml.rels><?xml version="1.0" encoding="UTF-8" standalone="yes"?>
<Relationships xmlns="http://schemas.openxmlformats.org/package/2006/relationships"><Relationship Id="rId8" Type="http://schemas.openxmlformats.org/officeDocument/2006/relationships/hyperlink" Target="https://host:port/sap/bc/srt/rfc/sap/%3cbinding%20endpoint%20in%20ERP%20system%3e" TargetMode="External"/><Relationship Id="rId13" Type="http://schemas.openxmlformats.org/officeDocument/2006/relationships/hyperlink" Target="https://host:port/sap/bc/srt/rfc/sap/%3cbinding%20endpoint%20in%20ERP%20system%3e" TargetMode="External"/><Relationship Id="rId18" Type="http://schemas.openxmlformats.org/officeDocument/2006/relationships/hyperlink" Target="https://host:port/sap/bc/srt/rfc/sap/%3cbinding%20endpoint%20in%20ERP%20system%3e" TargetMode="External"/><Relationship Id="rId3" Type="http://schemas.openxmlformats.org/officeDocument/2006/relationships/hyperlink" Target="https://host:port/sap/bc/srt/rfc/sap/%3cbinding%20endpoint%20in%20ERP%20system%3e" TargetMode="External"/><Relationship Id="rId21" Type="http://schemas.openxmlformats.org/officeDocument/2006/relationships/hyperlink" Target="https://host:port/sap/bc/srt/rfc/sap/%3cbinding%20endpoint%20in%20ERP%20system%3e" TargetMode="External"/><Relationship Id="rId7" Type="http://schemas.openxmlformats.org/officeDocument/2006/relationships/hyperlink" Target="https://host:port/sap/bc/srt/rfc/sap/%3cendpoint%20service%20URL%3e" TargetMode="External"/><Relationship Id="rId12" Type="http://schemas.openxmlformats.org/officeDocument/2006/relationships/hyperlink" Target="https://host:port/sap/bc/srt/rfc/sap/%3cendpoint%20service%20URL%3e" TargetMode="External"/><Relationship Id="rId17" Type="http://schemas.openxmlformats.org/officeDocument/2006/relationships/hyperlink" Target="https://host:port/sap/bc/srt/scs/sap/businesspartnerreplicationself" TargetMode="External"/><Relationship Id="rId2" Type="http://schemas.openxmlformats.org/officeDocument/2006/relationships/hyperlink" Target="https://host:port/sap/bc/srt/rfc/sap/%3cbinding%20endpoint%20in%20ERP%20system%3e" TargetMode="External"/><Relationship Id="rId16" Type="http://schemas.openxmlformats.org/officeDocument/2006/relationships/hyperlink" Target="https://host:port/sap/bc/srt/scs/sap/businesspartnerreplicationin" TargetMode="External"/><Relationship Id="rId20" Type="http://schemas.openxmlformats.org/officeDocument/2006/relationships/hyperlink" Target="https://host:port/sap/bc/srt/rfc/sap/%3cbinding%20endpoint%20in%20ERP%20system%3e" TargetMode="External"/><Relationship Id="rId1" Type="http://schemas.openxmlformats.org/officeDocument/2006/relationships/hyperlink" Target="https://host:port/sap/bc/srt/rfc/sap/%3cbinding%20endpoint%20in%20ERP%20system%3e" TargetMode="External"/><Relationship Id="rId6" Type="http://schemas.openxmlformats.org/officeDocument/2006/relationships/hyperlink" Target="https://host:port/sap/bc/srt/rfc/sap/%3cendpoint%20service%20URL%3e" TargetMode="External"/><Relationship Id="rId11" Type="http://schemas.openxmlformats.org/officeDocument/2006/relationships/hyperlink" Target="https://host:port/sap/bc/srt/rfc/sap/%3cbinding%20endpoint%20in%20ERP%20system%3e" TargetMode="External"/><Relationship Id="rId5" Type="http://schemas.openxmlformats.org/officeDocument/2006/relationships/hyperlink" Target="https://host:port/sap/bc/srt/rfc/sap/%3cbinding%20endpoint%20in%20ERP%20system%3e" TargetMode="External"/><Relationship Id="rId15" Type="http://schemas.openxmlformats.org/officeDocument/2006/relationships/hyperlink" Target="https://host:port/sap/bc/srt/scs/sap/businesspartnerrelationshiprep" TargetMode="External"/><Relationship Id="rId23" Type="http://schemas.openxmlformats.org/officeDocument/2006/relationships/printerSettings" Target="../printerSettings/printerSettings3.bin"/><Relationship Id="rId10" Type="http://schemas.openxmlformats.org/officeDocument/2006/relationships/hyperlink" Target="https://host:port/sap/bc/srt/rfc/sap/%3cbinding%20endpoint%20in%20ERP%20system%3e" TargetMode="External"/><Relationship Id="rId19" Type="http://schemas.openxmlformats.org/officeDocument/2006/relationships/hyperlink" Target="https://host:Port/sap/bc/srt/scs/sap/businesspartnerrelationshipre1" TargetMode="External"/><Relationship Id="rId4" Type="http://schemas.openxmlformats.org/officeDocument/2006/relationships/hyperlink" Target="https://host:port/sap/bc/srt/rfc/sap/%3cbinding%20endpoint%20in%20ERP%20system%3e" TargetMode="External"/><Relationship Id="rId9" Type="http://schemas.openxmlformats.org/officeDocument/2006/relationships/hyperlink" Target="https://host:port/sap/bc/srt/rfc/sap/%3cbinding%20endpoint%20in%20ERP%20system%3e" TargetMode="External"/><Relationship Id="rId14" Type="http://schemas.openxmlformats.org/officeDocument/2006/relationships/hyperlink" Target="javascript:void(0);" TargetMode="External"/><Relationship Id="rId22" Type="http://schemas.openxmlformats.org/officeDocument/2006/relationships/hyperlink" Target="https://host:port/sap/bc/srt/rfc/sap/%3cbinding%20endpoint%20in%20ERP%20system%3e" TargetMode="External"/></Relationships>
</file>

<file path=xl/worksheets/_rels/sheet4.xml.rels><?xml version="1.0" encoding="UTF-8" standalone="yes"?>
<Relationships xmlns="http://schemas.openxmlformats.org/package/2006/relationships"><Relationship Id="rId3" Type="http://schemas.openxmlformats.org/officeDocument/2006/relationships/hyperlink" Target="https://host:port/sap/bc/srt/rfc/sap/%3cbinding%20endpoint%20in%20S4H%20system%3e" TargetMode="External"/><Relationship Id="rId2" Type="http://schemas.openxmlformats.org/officeDocument/2006/relationships/hyperlink" Target="http://ldciqet.wdf.sap.corp:44300/sap/bc/srt/rfc/sap/isu_c4c_get_billing_ovw/350/isu_c4c_get_billing_ovw/utilities_billing_overview" TargetMode="External"/><Relationship Id="rId1" Type="http://schemas.openxmlformats.org/officeDocument/2006/relationships/hyperlink" Target="http://ldciemt.wdf.sap.corp:44322/sap/bc/srt/rfc/sap/isu_c4c_bico_rebill/350/utilities_billcorrectionrebill_i/utilities_billcorrectionrebill" TargetMode="External"/><Relationship Id="rId5" Type="http://schemas.openxmlformats.org/officeDocument/2006/relationships/printerSettings" Target="../printerSettings/printerSettings4.bin"/><Relationship Id="rId4" Type="http://schemas.openxmlformats.org/officeDocument/2006/relationships/hyperlink" Target="https://host:port/sap/bc/srt/rfc/sap/%3cbinding%20endpoint%20in%20S4H%20system%3e" TargetMode="External"/></Relationships>
</file>

<file path=xl/worksheets/_rels/sheet5.xml.rels><?xml version="1.0" encoding="UTF-8" standalone="yes"?>
<Relationships xmlns="http://schemas.openxmlformats.org/package/2006/relationships"><Relationship Id="rId2" Type="http://schemas.openxmlformats.org/officeDocument/2006/relationships/table" Target="../tables/table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6.bin"/><Relationship Id="rId1" Type="http://schemas.openxmlformats.org/officeDocument/2006/relationships/hyperlink" Target="http://global12.sap.com/corporate-en/legal/copyright/index.epx"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IV58"/>
  <sheetViews>
    <sheetView zoomScaleNormal="100" workbookViewId="0"/>
  </sheetViews>
  <sheetFormatPr defaultColWidth="9.109375" defaultRowHeight="14.4" x14ac:dyDescent="0.3"/>
  <cols>
    <col min="1" max="1" width="17.44140625" style="5" bestFit="1" customWidth="1"/>
    <col min="2" max="2" width="67.6640625" style="5" customWidth="1"/>
    <col min="3" max="3" width="71.44140625" style="6" customWidth="1"/>
    <col min="4" max="4" width="10.33203125" style="6" bestFit="1" customWidth="1"/>
    <col min="5" max="5" width="9.6640625" style="5" bestFit="1" customWidth="1"/>
    <col min="6" max="6" width="48.6640625" style="5" customWidth="1"/>
    <col min="7" max="7" width="11.6640625" style="5" bestFit="1" customWidth="1"/>
    <col min="8" max="8" width="47.6640625" style="5" customWidth="1"/>
    <col min="9" max="9" width="13.33203125" style="9" customWidth="1"/>
    <col min="10" max="10" width="57.44140625" style="9" customWidth="1"/>
    <col min="11" max="11" width="53.88671875" style="9" bestFit="1" customWidth="1"/>
    <col min="12" max="12" width="55.109375" style="9" customWidth="1"/>
    <col min="13" max="13" width="49.6640625" style="5" customWidth="1"/>
    <col min="14" max="14" width="63.88671875" style="6" customWidth="1"/>
    <col min="15" max="15" width="34.33203125" style="6" customWidth="1"/>
    <col min="16" max="16" width="43.33203125" style="5" bestFit="1" customWidth="1"/>
    <col min="17" max="17" width="81.5546875" style="5" customWidth="1"/>
    <col min="18" max="18" width="48.5546875" style="5" customWidth="1"/>
    <col min="19" max="19" width="116.5546875" style="5" customWidth="1"/>
    <col min="20" max="23" width="9.109375" style="5"/>
    <col min="24" max="24" width="85" style="5" customWidth="1"/>
    <col min="25" max="25" width="66.5546875" style="5" customWidth="1"/>
    <col min="26" max="16384" width="9.109375" style="5"/>
  </cols>
  <sheetData>
    <row r="1" spans="1:37" x14ac:dyDescent="0.3">
      <c r="A1" s="16"/>
      <c r="B1" s="16"/>
      <c r="C1" s="16"/>
      <c r="D1" s="16"/>
      <c r="E1" s="16"/>
      <c r="N1" s="15"/>
      <c r="O1" s="15"/>
    </row>
    <row r="2" spans="1:37" x14ac:dyDescent="0.3">
      <c r="A2" s="16"/>
      <c r="B2" s="16"/>
      <c r="C2" s="17"/>
      <c r="D2" s="17"/>
      <c r="E2" s="16"/>
      <c r="N2" s="15"/>
      <c r="O2" s="15"/>
    </row>
    <row r="3" spans="1:37" ht="46.2" x14ac:dyDescent="0.3">
      <c r="A3" s="19" t="s">
        <v>358</v>
      </c>
      <c r="B3" s="16"/>
      <c r="C3" s="17"/>
      <c r="D3" s="17"/>
      <c r="E3" s="16"/>
      <c r="N3" s="15"/>
      <c r="O3" s="15"/>
    </row>
    <row r="4" spans="1:37" ht="9.6" customHeight="1" x14ac:dyDescent="0.3">
      <c r="A4" s="16"/>
      <c r="B4" s="16"/>
      <c r="C4" s="17"/>
      <c r="D4" s="17"/>
      <c r="E4" s="16"/>
      <c r="N4" s="15"/>
      <c r="O4" s="15"/>
    </row>
    <row r="5" spans="1:37" ht="23.4" hidden="1" x14ac:dyDescent="0.3">
      <c r="A5" s="18"/>
      <c r="B5" s="16"/>
      <c r="C5" s="17"/>
      <c r="D5" s="17"/>
      <c r="E5" s="16"/>
      <c r="N5" s="15"/>
      <c r="O5" s="15"/>
    </row>
    <row r="6" spans="1:37" hidden="1" x14ac:dyDescent="0.3">
      <c r="A6" s="16"/>
      <c r="B6" s="16"/>
      <c r="C6" s="17"/>
      <c r="D6" s="17"/>
      <c r="E6" s="16"/>
      <c r="N6" s="15"/>
      <c r="O6" s="15"/>
    </row>
    <row r="7" spans="1:37" ht="18" x14ac:dyDescent="0.3">
      <c r="A7" s="23" t="s">
        <v>360</v>
      </c>
      <c r="B7" s="22"/>
      <c r="C7" s="17"/>
      <c r="D7" s="17"/>
      <c r="E7" s="17"/>
      <c r="F7" s="6"/>
      <c r="G7" s="6"/>
      <c r="H7" s="6"/>
      <c r="I7" s="6"/>
      <c r="J7" s="6"/>
      <c r="K7" s="6"/>
      <c r="L7" s="6"/>
      <c r="M7" s="6"/>
      <c r="P7" s="6"/>
      <c r="Q7" s="6"/>
      <c r="R7" s="6"/>
      <c r="S7" s="8"/>
      <c r="U7" s="8"/>
      <c r="V7" s="8"/>
      <c r="W7" s="8"/>
      <c r="X7" s="8"/>
      <c r="Y7" s="8"/>
      <c r="Z7" s="8"/>
      <c r="AA7" s="8"/>
      <c r="AB7" s="8"/>
      <c r="AC7" s="8"/>
      <c r="AD7" s="8"/>
      <c r="AE7" s="8"/>
      <c r="AF7" s="8"/>
      <c r="AG7" s="8"/>
      <c r="AH7" s="8"/>
      <c r="AI7" s="8"/>
      <c r="AJ7" s="8"/>
      <c r="AK7" s="8"/>
    </row>
    <row r="8" spans="1:37" ht="28.95" customHeight="1" x14ac:dyDescent="0.3">
      <c r="A8" s="20">
        <v>1</v>
      </c>
      <c r="B8" s="80" t="s">
        <v>363</v>
      </c>
      <c r="C8" s="80"/>
      <c r="E8" s="6"/>
      <c r="F8" s="6"/>
      <c r="G8" s="6"/>
      <c r="H8" s="6"/>
      <c r="I8" s="6"/>
      <c r="J8" s="6"/>
      <c r="K8" s="6"/>
      <c r="L8" s="6"/>
      <c r="M8" s="6"/>
      <c r="P8" s="6"/>
      <c r="Q8" s="6"/>
      <c r="R8" s="6"/>
      <c r="S8" s="8"/>
      <c r="T8" s="8"/>
      <c r="U8" s="8"/>
      <c r="V8" s="8"/>
      <c r="W8" s="8"/>
      <c r="X8" s="8"/>
      <c r="Y8" s="8"/>
      <c r="Z8" s="8"/>
      <c r="AA8" s="8"/>
      <c r="AB8" s="8"/>
      <c r="AC8" s="8"/>
      <c r="AD8" s="8"/>
      <c r="AE8" s="8"/>
      <c r="AF8" s="8"/>
      <c r="AG8" s="8"/>
      <c r="AH8" s="8"/>
      <c r="AI8" s="8"/>
      <c r="AJ8" s="8"/>
      <c r="AK8" s="8"/>
    </row>
    <row r="9" spans="1:37" ht="15.6" x14ac:dyDescent="0.3">
      <c r="A9" s="20">
        <v>2</v>
      </c>
      <c r="B9" s="81" t="s">
        <v>361</v>
      </c>
      <c r="C9" s="81"/>
      <c r="E9" s="6"/>
      <c r="F9" s="6"/>
      <c r="G9" s="6"/>
      <c r="H9" s="6"/>
      <c r="I9" s="6"/>
      <c r="J9" s="6"/>
      <c r="K9" s="6"/>
      <c r="L9" s="6"/>
      <c r="M9" s="6"/>
      <c r="P9" s="6"/>
      <c r="Q9" s="6"/>
      <c r="R9" s="6"/>
      <c r="S9" s="8"/>
      <c r="T9" s="8"/>
      <c r="U9" s="8"/>
      <c r="V9" s="8"/>
      <c r="W9" s="8"/>
      <c r="X9" s="8"/>
      <c r="Y9" s="8"/>
      <c r="Z9" s="8"/>
      <c r="AA9" s="8"/>
      <c r="AB9" s="8"/>
      <c r="AC9" s="8"/>
      <c r="AD9" s="8"/>
      <c r="AE9" s="8"/>
      <c r="AF9" s="8"/>
      <c r="AG9" s="8"/>
      <c r="AH9" s="8"/>
      <c r="AI9" s="8"/>
      <c r="AJ9" s="8"/>
      <c r="AK9" s="8"/>
    </row>
    <row r="10" spans="1:37" ht="15.6" x14ac:dyDescent="0.3">
      <c r="A10" s="20">
        <v>3</v>
      </c>
      <c r="B10" s="81" t="s">
        <v>362</v>
      </c>
      <c r="C10" s="81"/>
      <c r="E10" s="6"/>
      <c r="F10" s="6"/>
      <c r="G10" s="6"/>
      <c r="H10" s="6"/>
      <c r="I10" s="6"/>
      <c r="J10" s="6"/>
      <c r="K10" s="6"/>
      <c r="L10" s="6"/>
      <c r="M10" s="6"/>
      <c r="P10" s="6"/>
      <c r="Q10" s="6"/>
      <c r="R10" s="6"/>
      <c r="S10" s="8"/>
      <c r="T10" s="8"/>
      <c r="U10" s="8"/>
      <c r="V10" s="8"/>
      <c r="W10" s="8"/>
      <c r="X10" s="8"/>
      <c r="Y10" s="8"/>
      <c r="Z10" s="8"/>
      <c r="AA10" s="8"/>
      <c r="AB10" s="8"/>
      <c r="AC10" s="8"/>
      <c r="AD10" s="8"/>
      <c r="AE10" s="8"/>
      <c r="AF10" s="8"/>
      <c r="AG10" s="8"/>
      <c r="AH10" s="8"/>
      <c r="AI10" s="8"/>
      <c r="AJ10" s="8"/>
      <c r="AK10" s="8"/>
    </row>
    <row r="11" spans="1:37" ht="15.6" x14ac:dyDescent="0.3">
      <c r="A11" s="20"/>
      <c r="B11" s="21"/>
      <c r="E11" s="6"/>
      <c r="F11" s="6"/>
      <c r="G11" s="6"/>
      <c r="H11" s="6"/>
      <c r="I11" s="6"/>
      <c r="J11" s="6"/>
      <c r="K11" s="6"/>
      <c r="L11" s="6"/>
      <c r="M11" s="6"/>
      <c r="P11" s="6"/>
      <c r="Q11" s="6"/>
      <c r="R11" s="8"/>
      <c r="S11" s="8"/>
      <c r="T11" s="8"/>
      <c r="U11" s="8"/>
      <c r="V11" s="8"/>
      <c r="W11" s="8"/>
      <c r="X11" s="8"/>
      <c r="Y11" s="8"/>
      <c r="Z11" s="8"/>
      <c r="AA11" s="8"/>
      <c r="AB11" s="8"/>
      <c r="AC11" s="8"/>
      <c r="AD11" s="8"/>
      <c r="AE11" s="8"/>
      <c r="AF11" s="8"/>
      <c r="AG11" s="8"/>
      <c r="AH11" s="8"/>
      <c r="AI11" s="8"/>
      <c r="AJ11" s="8"/>
      <c r="AK11" s="8"/>
    </row>
    <row r="12" spans="1:37" ht="18" x14ac:dyDescent="0.3">
      <c r="A12" s="23" t="s">
        <v>359</v>
      </c>
      <c r="B12" s="22"/>
      <c r="C12" s="17"/>
      <c r="D12" s="17"/>
      <c r="E12" s="17"/>
      <c r="F12" s="6"/>
      <c r="G12" s="6"/>
      <c r="H12" s="6"/>
      <c r="I12" s="6"/>
      <c r="J12" s="6"/>
      <c r="K12" s="6"/>
      <c r="L12" s="6"/>
      <c r="M12" s="6"/>
      <c r="P12" s="6"/>
      <c r="Q12" s="6"/>
      <c r="R12" s="8"/>
      <c r="S12" s="8"/>
      <c r="T12" s="8"/>
      <c r="U12" s="8"/>
      <c r="V12" s="8"/>
      <c r="W12" s="8"/>
      <c r="X12" s="8"/>
      <c r="Y12" s="8"/>
      <c r="Z12" s="8"/>
      <c r="AA12" s="8"/>
      <c r="AB12" s="8"/>
      <c r="AC12" s="8"/>
      <c r="AD12" s="8"/>
      <c r="AE12" s="8"/>
      <c r="AF12" s="8"/>
      <c r="AG12" s="8"/>
      <c r="AH12" s="8"/>
      <c r="AI12" s="8"/>
      <c r="AJ12" s="8"/>
      <c r="AK12" s="8"/>
    </row>
    <row r="13" spans="1:37" ht="15.6" x14ac:dyDescent="0.3">
      <c r="A13" s="20">
        <v>1</v>
      </c>
      <c r="B13" s="81" t="s">
        <v>364</v>
      </c>
      <c r="C13" s="81"/>
      <c r="E13" s="6"/>
      <c r="F13" s="6"/>
      <c r="G13" s="6"/>
      <c r="H13" s="6"/>
      <c r="I13" s="6"/>
      <c r="J13" s="6"/>
      <c r="K13" s="6"/>
      <c r="L13" s="6"/>
      <c r="M13" s="6"/>
      <c r="P13" s="6"/>
      <c r="Q13" s="6"/>
      <c r="R13" s="8"/>
      <c r="S13" s="8"/>
      <c r="T13" s="8"/>
      <c r="U13" s="8"/>
      <c r="V13" s="8"/>
      <c r="W13" s="8"/>
      <c r="X13" s="8"/>
      <c r="Y13" s="8"/>
      <c r="Z13" s="8"/>
      <c r="AA13" s="8"/>
      <c r="AB13" s="8"/>
      <c r="AC13" s="8"/>
      <c r="AD13" s="8"/>
      <c r="AE13" s="8"/>
      <c r="AF13" s="8"/>
      <c r="AG13" s="8"/>
      <c r="AH13" s="8"/>
      <c r="AI13" s="8"/>
      <c r="AJ13" s="8"/>
      <c r="AK13" s="8"/>
    </row>
    <row r="14" spans="1:37" ht="15.6" x14ac:dyDescent="0.3">
      <c r="A14" s="20">
        <v>2</v>
      </c>
      <c r="B14" s="82" t="s">
        <v>866</v>
      </c>
      <c r="C14" s="82"/>
      <c r="E14" s="6"/>
      <c r="F14" s="6"/>
      <c r="G14" s="6"/>
      <c r="H14" s="6"/>
      <c r="I14" s="6"/>
      <c r="J14" s="6"/>
      <c r="K14" s="6"/>
      <c r="L14" s="6"/>
      <c r="M14" s="6"/>
      <c r="P14" s="6"/>
      <c r="Q14" s="6"/>
      <c r="R14" s="8"/>
      <c r="S14" s="8"/>
      <c r="T14" s="8"/>
      <c r="U14" s="8"/>
      <c r="V14" s="8"/>
      <c r="W14" s="8"/>
      <c r="X14" s="8"/>
      <c r="Y14" s="8"/>
      <c r="Z14" s="8"/>
      <c r="AA14" s="8"/>
      <c r="AB14" s="8"/>
      <c r="AC14" s="8"/>
      <c r="AD14" s="8"/>
      <c r="AE14" s="8"/>
      <c r="AF14" s="8"/>
      <c r="AG14" s="8"/>
      <c r="AH14" s="8"/>
      <c r="AI14" s="8"/>
      <c r="AJ14" s="8"/>
      <c r="AK14" s="8"/>
    </row>
    <row r="15" spans="1:37" x14ac:dyDescent="0.3">
      <c r="A15" s="6"/>
      <c r="B15" s="33"/>
      <c r="C15" s="37"/>
      <c r="D15" s="24"/>
      <c r="E15" s="6"/>
      <c r="F15" s="6"/>
      <c r="G15" s="6"/>
      <c r="H15" s="6"/>
      <c r="I15" s="6"/>
      <c r="J15" s="6"/>
      <c r="K15" s="6"/>
      <c r="L15" s="6"/>
      <c r="M15" s="6"/>
      <c r="P15" s="6"/>
      <c r="Q15" s="6"/>
    </row>
    <row r="16" spans="1:37" x14ac:dyDescent="0.3">
      <c r="A16" s="6"/>
      <c r="B16" s="33"/>
      <c r="C16" s="37"/>
      <c r="D16" s="24"/>
      <c r="E16" s="6"/>
      <c r="F16" s="6"/>
      <c r="G16" s="6"/>
      <c r="H16" s="6"/>
      <c r="I16" s="6"/>
      <c r="J16" s="6"/>
      <c r="K16" s="6"/>
      <c r="L16" s="6"/>
      <c r="M16" s="6"/>
      <c r="P16" s="6"/>
      <c r="Q16" s="6"/>
    </row>
    <row r="17" spans="1:17" x14ac:dyDescent="0.3">
      <c r="A17" s="6"/>
      <c r="B17" s="6"/>
      <c r="E17" s="6"/>
      <c r="F17" s="6"/>
      <c r="G17" s="6"/>
      <c r="H17" s="6"/>
      <c r="I17" s="6"/>
      <c r="J17" s="6"/>
      <c r="K17" s="6"/>
      <c r="L17" s="6"/>
      <c r="M17" s="6"/>
      <c r="P17" s="6"/>
      <c r="Q17" s="6"/>
    </row>
    <row r="18" spans="1:17" x14ac:dyDescent="0.3">
      <c r="A18" s="6"/>
      <c r="B18" s="6"/>
      <c r="E18" s="6"/>
      <c r="F18" s="6"/>
      <c r="G18" s="6"/>
      <c r="H18" s="6"/>
      <c r="I18" s="6"/>
      <c r="J18" s="6"/>
      <c r="K18" s="6"/>
      <c r="L18" s="6"/>
      <c r="M18" s="6"/>
      <c r="P18" s="6"/>
      <c r="Q18" s="6"/>
    </row>
    <row r="19" spans="1:17" x14ac:dyDescent="0.3">
      <c r="A19" s="6"/>
      <c r="B19" s="6"/>
      <c r="E19" s="6"/>
      <c r="F19" s="6"/>
      <c r="G19" s="6"/>
      <c r="H19" s="6"/>
      <c r="I19" s="6"/>
      <c r="J19" s="6"/>
      <c r="K19" s="6"/>
      <c r="L19" s="6"/>
      <c r="M19" s="6"/>
      <c r="P19" s="6"/>
      <c r="Q19" s="6"/>
    </row>
    <row r="20" spans="1:17" x14ac:dyDescent="0.3">
      <c r="A20" s="6"/>
      <c r="B20" s="6"/>
      <c r="E20" s="6"/>
      <c r="F20" s="6"/>
      <c r="G20" s="6"/>
      <c r="H20" s="6"/>
      <c r="I20" s="6"/>
      <c r="J20" s="6"/>
      <c r="K20" s="6"/>
      <c r="L20" s="6"/>
      <c r="M20" s="6"/>
      <c r="P20" s="6"/>
      <c r="Q20" s="6"/>
    </row>
    <row r="21" spans="1:17" x14ac:dyDescent="0.3">
      <c r="A21" s="6"/>
      <c r="B21" s="6"/>
      <c r="E21" s="6"/>
      <c r="F21" s="6"/>
      <c r="G21" s="6"/>
      <c r="H21" s="6"/>
      <c r="I21" s="6"/>
      <c r="J21" s="6"/>
      <c r="K21" s="6"/>
      <c r="L21" s="6"/>
      <c r="M21" s="6"/>
      <c r="P21" s="6"/>
      <c r="Q21" s="6"/>
    </row>
    <row r="22" spans="1:17" x14ac:dyDescent="0.3">
      <c r="A22" s="6"/>
      <c r="B22" s="6"/>
      <c r="E22" s="6"/>
      <c r="F22" s="6"/>
      <c r="G22" s="6"/>
      <c r="H22" s="6"/>
      <c r="I22" s="6"/>
      <c r="J22" s="6"/>
      <c r="K22" s="6"/>
      <c r="L22" s="6"/>
      <c r="M22" s="6"/>
      <c r="P22" s="6"/>
      <c r="Q22" s="6"/>
    </row>
    <row r="23" spans="1:17" ht="75.75" customHeight="1" x14ac:dyDescent="0.3">
      <c r="A23" s="6"/>
      <c r="B23" s="6"/>
      <c r="E23" s="6"/>
      <c r="F23" s="6"/>
      <c r="G23" s="6"/>
      <c r="H23" s="6"/>
      <c r="I23" s="6"/>
      <c r="J23" s="6"/>
      <c r="K23" s="6"/>
      <c r="L23" s="6"/>
      <c r="M23" s="6"/>
      <c r="P23" s="6"/>
      <c r="Q23" s="6"/>
    </row>
    <row r="24" spans="1:17" ht="40.5" customHeight="1" x14ac:dyDescent="0.3">
      <c r="A24" s="6"/>
      <c r="B24" s="6"/>
      <c r="E24" s="6"/>
      <c r="F24" s="6"/>
      <c r="G24" s="6"/>
      <c r="H24" s="6"/>
      <c r="I24" s="6"/>
      <c r="J24" s="6"/>
      <c r="K24" s="6"/>
      <c r="L24" s="6"/>
      <c r="M24" s="6"/>
      <c r="P24" s="6"/>
      <c r="Q24" s="6"/>
    </row>
    <row r="25" spans="1:17" ht="36.75" customHeight="1" x14ac:dyDescent="0.3">
      <c r="A25" s="6"/>
      <c r="B25" s="6"/>
      <c r="E25" s="6"/>
      <c r="F25" s="6"/>
      <c r="G25" s="6"/>
      <c r="H25" s="6"/>
      <c r="I25" s="6"/>
      <c r="J25" s="6"/>
      <c r="K25" s="6"/>
      <c r="L25" s="6"/>
      <c r="M25" s="6"/>
      <c r="P25" s="6"/>
      <c r="Q25" s="6"/>
    </row>
    <row r="26" spans="1:17" ht="39" customHeight="1" x14ac:dyDescent="0.3">
      <c r="A26" s="6"/>
      <c r="B26" s="6"/>
      <c r="E26" s="6"/>
      <c r="F26" s="6"/>
      <c r="G26" s="6"/>
      <c r="H26" s="6"/>
      <c r="I26" s="6"/>
      <c r="J26" s="6"/>
      <c r="K26" s="6"/>
      <c r="L26" s="6"/>
      <c r="M26" s="6"/>
      <c r="P26" s="6"/>
      <c r="Q26" s="6"/>
    </row>
    <row r="27" spans="1:17" ht="38.25" customHeight="1" x14ac:dyDescent="0.3">
      <c r="A27" s="6"/>
      <c r="B27" s="6"/>
      <c r="E27" s="6"/>
      <c r="F27" s="6"/>
      <c r="G27" s="6"/>
      <c r="H27" s="6"/>
      <c r="I27" s="6"/>
      <c r="J27" s="6"/>
      <c r="K27" s="6"/>
      <c r="L27" s="6"/>
      <c r="M27" s="6"/>
      <c r="P27" s="6"/>
      <c r="Q27" s="6"/>
    </row>
    <row r="28" spans="1:17" s="11" customFormat="1" x14ac:dyDescent="0.3">
      <c r="A28" s="6"/>
      <c r="B28" s="6"/>
      <c r="C28" s="6"/>
      <c r="D28" s="6"/>
      <c r="E28" s="6"/>
      <c r="F28" s="6"/>
      <c r="G28" s="6"/>
      <c r="H28" s="6"/>
      <c r="I28" s="6"/>
      <c r="J28" s="6"/>
      <c r="K28" s="6"/>
      <c r="L28" s="6"/>
      <c r="M28" s="6"/>
      <c r="N28" s="6"/>
      <c r="O28" s="6"/>
      <c r="P28" s="6"/>
      <c r="Q28" s="6"/>
    </row>
    <row r="29" spans="1:17" ht="52.5" customHeight="1" x14ac:dyDescent="0.3">
      <c r="A29" s="6"/>
      <c r="B29" s="6"/>
      <c r="E29" s="6"/>
      <c r="F29" s="6"/>
      <c r="G29" s="6"/>
      <c r="H29" s="6"/>
      <c r="I29" s="6"/>
      <c r="J29" s="6"/>
      <c r="K29" s="6"/>
      <c r="L29" s="6"/>
      <c r="M29" s="6"/>
      <c r="P29" s="6"/>
      <c r="Q29" s="6"/>
    </row>
    <row r="30" spans="1:17" ht="58.5" customHeight="1" x14ac:dyDescent="0.3">
      <c r="A30" s="6"/>
      <c r="B30" s="6"/>
      <c r="E30" s="6"/>
      <c r="F30" s="6"/>
      <c r="G30" s="6"/>
      <c r="H30" s="6"/>
      <c r="I30" s="6"/>
      <c r="J30" s="6"/>
      <c r="K30" s="6"/>
      <c r="L30" s="6"/>
      <c r="M30" s="6"/>
      <c r="P30" s="6"/>
      <c r="Q30" s="6"/>
    </row>
    <row r="31" spans="1:17" ht="48" customHeight="1" x14ac:dyDescent="0.3">
      <c r="A31" s="6"/>
      <c r="B31" s="6"/>
      <c r="E31" s="6"/>
      <c r="F31" s="6"/>
      <c r="G31" s="6"/>
      <c r="H31" s="6"/>
      <c r="I31" s="6"/>
      <c r="J31" s="6"/>
      <c r="K31" s="6"/>
      <c r="L31" s="6"/>
      <c r="M31" s="6"/>
      <c r="P31" s="6"/>
      <c r="Q31" s="6"/>
    </row>
    <row r="32" spans="1:17" x14ac:dyDescent="0.3">
      <c r="A32" s="6"/>
      <c r="B32" s="6"/>
      <c r="E32" s="6"/>
      <c r="F32" s="6"/>
      <c r="G32" s="6"/>
      <c r="H32" s="6"/>
      <c r="I32" s="6"/>
      <c r="J32" s="6"/>
      <c r="K32" s="6"/>
      <c r="L32" s="6"/>
      <c r="M32" s="6"/>
      <c r="P32" s="6"/>
      <c r="Q32" s="6"/>
    </row>
    <row r="33" spans="1:256" x14ac:dyDescent="0.3">
      <c r="A33" s="6"/>
      <c r="B33" s="6"/>
      <c r="E33" s="6"/>
      <c r="F33" s="6"/>
      <c r="G33" s="6"/>
      <c r="H33" s="6"/>
      <c r="I33" s="6"/>
      <c r="J33" s="6"/>
      <c r="K33" s="6"/>
      <c r="L33" s="6"/>
      <c r="M33" s="6"/>
      <c r="P33" s="6"/>
      <c r="Q33" s="6"/>
    </row>
    <row r="34" spans="1:256" x14ac:dyDescent="0.3">
      <c r="A34" s="6"/>
      <c r="B34" s="6"/>
      <c r="E34" s="6"/>
      <c r="F34" s="6"/>
      <c r="G34" s="6"/>
      <c r="H34" s="6"/>
      <c r="I34" s="6"/>
      <c r="J34" s="6"/>
      <c r="K34" s="6"/>
      <c r="L34" s="6"/>
      <c r="M34" s="6"/>
      <c r="P34" s="6"/>
      <c r="Q34" s="6"/>
    </row>
    <row r="35" spans="1:256" x14ac:dyDescent="0.3">
      <c r="A35" s="6"/>
      <c r="B35" s="6"/>
      <c r="E35" s="6"/>
      <c r="F35" s="6"/>
      <c r="G35" s="6"/>
      <c r="H35" s="6"/>
      <c r="I35" s="6"/>
      <c r="J35" s="6"/>
      <c r="K35" s="6"/>
      <c r="L35" s="6"/>
      <c r="M35" s="6"/>
      <c r="P35" s="6"/>
      <c r="Q35" s="6"/>
    </row>
    <row r="36" spans="1:256" x14ac:dyDescent="0.3">
      <c r="A36" s="6"/>
      <c r="B36" s="6"/>
      <c r="E36" s="6"/>
      <c r="F36" s="6"/>
      <c r="G36" s="6"/>
      <c r="H36" s="6"/>
      <c r="I36" s="6"/>
      <c r="J36" s="6"/>
      <c r="K36" s="6"/>
      <c r="L36" s="6"/>
      <c r="M36" s="6"/>
      <c r="P36" s="6"/>
      <c r="Q36" s="6"/>
    </row>
    <row r="37" spans="1:256" x14ac:dyDescent="0.3">
      <c r="A37" s="6"/>
      <c r="B37" s="6"/>
      <c r="E37" s="6"/>
      <c r="F37" s="6"/>
      <c r="G37" s="6"/>
      <c r="H37" s="6"/>
      <c r="I37" s="6"/>
      <c r="J37" s="6"/>
      <c r="K37" s="6"/>
      <c r="L37" s="6"/>
      <c r="M37" s="6"/>
      <c r="P37" s="6"/>
      <c r="Q37" s="6"/>
    </row>
    <row r="38" spans="1:256" x14ac:dyDescent="0.3">
      <c r="A38" s="6"/>
      <c r="B38" s="6"/>
      <c r="E38" s="6"/>
      <c r="F38" s="6"/>
      <c r="G38" s="6"/>
      <c r="H38" s="6"/>
      <c r="I38" s="6"/>
      <c r="J38" s="6"/>
      <c r="K38" s="6"/>
      <c r="L38" s="6"/>
      <c r="M38" s="6"/>
      <c r="P38" s="6"/>
      <c r="Q38" s="6"/>
    </row>
    <row r="39" spans="1:256" ht="15.6" x14ac:dyDescent="0.3">
      <c r="A39" s="6"/>
      <c r="B39" s="6"/>
      <c r="E39" s="6"/>
      <c r="F39" s="6"/>
      <c r="G39" s="6"/>
      <c r="H39" s="6"/>
      <c r="I39" s="6"/>
      <c r="J39" s="6"/>
      <c r="K39" s="6"/>
      <c r="L39" s="6"/>
      <c r="M39" s="6"/>
      <c r="P39" s="6"/>
      <c r="Q39" s="6"/>
      <c r="R39" s="8"/>
      <c r="S39" s="8"/>
      <c r="T39" s="8"/>
      <c r="U39" s="8"/>
      <c r="V39" s="8"/>
      <c r="W39" s="8"/>
      <c r="X39" s="8"/>
      <c r="Y39" s="8"/>
      <c r="Z39" s="8"/>
      <c r="AA39" s="8"/>
      <c r="AB39" s="8"/>
      <c r="AC39" s="8"/>
      <c r="AD39" s="8"/>
      <c r="AE39" s="8"/>
      <c r="AF39" s="8"/>
      <c r="AG39" s="8"/>
      <c r="AH39" s="8"/>
      <c r="AI39" s="8"/>
      <c r="AJ39" s="8"/>
      <c r="AK39" s="8"/>
    </row>
    <row r="40" spans="1:256" s="4" customFormat="1" ht="15.6" x14ac:dyDescent="0.3">
      <c r="A40" s="6"/>
      <c r="B40" s="6"/>
      <c r="C40" s="6"/>
      <c r="D40" s="6"/>
      <c r="E40" s="6"/>
      <c r="F40" s="6"/>
      <c r="G40" s="6"/>
      <c r="H40" s="6"/>
      <c r="I40" s="6"/>
      <c r="J40" s="6"/>
      <c r="K40" s="6"/>
      <c r="L40" s="6"/>
      <c r="M40" s="6"/>
      <c r="N40" s="6"/>
      <c r="O40" s="6"/>
      <c r="P40" s="6"/>
      <c r="Q40" s="6"/>
      <c r="R40" s="7"/>
      <c r="S40" s="7"/>
      <c r="T40" s="7"/>
      <c r="U40" s="7"/>
      <c r="V40" s="7"/>
      <c r="W40" s="7"/>
      <c r="X40" s="7"/>
      <c r="Y40" s="7"/>
      <c r="Z40" s="7"/>
      <c r="AA40" s="7"/>
      <c r="AB40" s="7"/>
      <c r="AC40" s="7"/>
      <c r="AD40" s="7"/>
      <c r="AE40" s="7"/>
      <c r="AF40" s="7"/>
      <c r="AG40" s="7"/>
      <c r="AH40" s="7"/>
      <c r="AI40" s="7"/>
      <c r="AJ40" s="7"/>
      <c r="AK40" s="7"/>
    </row>
    <row r="41" spans="1:256" ht="15.6" x14ac:dyDescent="0.3">
      <c r="A41" s="6"/>
      <c r="B41" s="6"/>
      <c r="E41" s="6"/>
      <c r="F41" s="6"/>
      <c r="G41" s="6"/>
      <c r="H41" s="6"/>
      <c r="I41" s="6"/>
      <c r="J41" s="6"/>
      <c r="K41" s="6"/>
      <c r="L41" s="6"/>
      <c r="M41" s="6"/>
      <c r="P41" s="6"/>
      <c r="Q41" s="6"/>
      <c r="R41" s="8"/>
      <c r="S41" s="8"/>
      <c r="T41" s="8"/>
      <c r="U41" s="8"/>
      <c r="V41" s="8"/>
      <c r="W41" s="8"/>
      <c r="X41" s="8"/>
      <c r="Y41" s="8"/>
      <c r="Z41" s="8"/>
      <c r="AA41" s="8"/>
      <c r="AB41" s="8"/>
      <c r="AC41" s="8"/>
      <c r="AD41" s="8"/>
      <c r="AE41" s="8"/>
      <c r="AF41" s="8"/>
      <c r="AG41" s="8"/>
      <c r="AH41" s="8"/>
      <c r="AI41" s="8"/>
      <c r="AJ41" s="8"/>
      <c r="AK41" s="8"/>
    </row>
    <row r="42" spans="1:256" ht="15.6" x14ac:dyDescent="0.3">
      <c r="A42" s="6"/>
      <c r="B42" s="6"/>
      <c r="E42" s="6"/>
      <c r="F42" s="6"/>
      <c r="G42" s="6"/>
      <c r="H42" s="6"/>
      <c r="I42" s="6"/>
      <c r="J42" s="6"/>
      <c r="K42" s="6"/>
      <c r="L42" s="6"/>
      <c r="M42" s="6"/>
      <c r="P42" s="6"/>
      <c r="Q42" s="6"/>
      <c r="R42" s="8"/>
      <c r="S42" s="8"/>
      <c r="T42" s="8"/>
      <c r="U42" s="8"/>
      <c r="V42" s="8"/>
      <c r="W42" s="8"/>
      <c r="X42" s="8"/>
      <c r="Y42" s="8"/>
      <c r="Z42" s="8"/>
      <c r="AA42" s="8"/>
      <c r="AB42" s="8"/>
      <c r="AC42" s="8"/>
      <c r="AD42" s="8"/>
      <c r="AE42" s="8"/>
      <c r="AF42" s="8"/>
      <c r="AG42" s="8"/>
      <c r="AH42" s="8"/>
      <c r="AI42" s="8"/>
      <c r="AJ42" s="8"/>
      <c r="AK42" s="8"/>
    </row>
    <row r="43" spans="1:256" ht="15.6" x14ac:dyDescent="0.3">
      <c r="A43" s="6"/>
      <c r="B43" s="6"/>
      <c r="E43" s="6"/>
      <c r="F43" s="6"/>
      <c r="G43" s="6"/>
      <c r="H43" s="6"/>
      <c r="I43" s="6"/>
      <c r="J43" s="6"/>
      <c r="K43" s="6"/>
      <c r="L43" s="6"/>
      <c r="M43" s="6"/>
      <c r="P43" s="6"/>
      <c r="Q43" s="6"/>
      <c r="R43" s="8"/>
      <c r="S43" s="8"/>
      <c r="T43" s="8"/>
      <c r="U43" s="8"/>
      <c r="V43" s="8"/>
      <c r="W43" s="8"/>
      <c r="X43" s="8"/>
      <c r="Y43" s="8"/>
      <c r="Z43" s="8"/>
      <c r="AA43" s="8"/>
      <c r="AB43" s="8"/>
      <c r="AC43" s="8"/>
      <c r="AD43" s="8"/>
      <c r="AE43" s="8"/>
      <c r="AF43" s="8"/>
      <c r="AG43" s="8"/>
      <c r="AH43" s="8"/>
      <c r="AI43" s="8"/>
      <c r="AJ43" s="8"/>
      <c r="AK43" s="8"/>
    </row>
    <row r="44" spans="1:256" ht="26.25" customHeight="1" x14ac:dyDescent="0.3">
      <c r="A44" s="6"/>
      <c r="B44" s="6"/>
      <c r="E44" s="6"/>
      <c r="F44" s="6"/>
      <c r="G44" s="6"/>
      <c r="H44" s="6"/>
      <c r="I44" s="6"/>
      <c r="J44" s="6"/>
      <c r="K44" s="6"/>
      <c r="L44" s="6"/>
      <c r="M44" s="6"/>
      <c r="P44" s="6"/>
      <c r="Q44" s="6"/>
      <c r="R44" s="8"/>
      <c r="S44" s="8"/>
      <c r="T44" s="8"/>
      <c r="U44" s="8"/>
      <c r="V44" s="8"/>
      <c r="W44" s="8"/>
      <c r="X44" s="8"/>
      <c r="Y44" s="8"/>
      <c r="Z44" s="8"/>
      <c r="AA44" s="8"/>
      <c r="AB44" s="8"/>
      <c r="AC44" s="8"/>
      <c r="AD44" s="8"/>
      <c r="AE44" s="8"/>
      <c r="AF44" s="8"/>
      <c r="AG44" s="8"/>
      <c r="AH44" s="8"/>
      <c r="AI44" s="8"/>
      <c r="AJ44" s="8"/>
      <c r="AK44" s="8"/>
    </row>
    <row r="45" spans="1:256" ht="15.6" x14ac:dyDescent="0.3">
      <c r="A45" s="6"/>
      <c r="B45" s="6"/>
      <c r="E45" s="6"/>
      <c r="F45" s="6"/>
      <c r="G45" s="6"/>
      <c r="H45" s="6"/>
      <c r="I45" s="6"/>
      <c r="J45" s="6"/>
      <c r="K45" s="6"/>
      <c r="L45" s="6"/>
      <c r="M45" s="6"/>
      <c r="P45" s="6"/>
      <c r="Q45" s="6"/>
      <c r="R45" s="8"/>
      <c r="S45" s="8"/>
      <c r="T45" s="8"/>
      <c r="U45" s="8"/>
      <c r="V45" s="8"/>
      <c r="W45" s="8"/>
      <c r="X45" s="8"/>
      <c r="Y45" s="8"/>
      <c r="Z45" s="8"/>
      <c r="AA45" s="8"/>
      <c r="AB45" s="8"/>
      <c r="AC45" s="8"/>
      <c r="AD45" s="8"/>
      <c r="AE45" s="8"/>
      <c r="AF45" s="8"/>
      <c r="AG45" s="8"/>
      <c r="AH45" s="8"/>
      <c r="AI45" s="8"/>
      <c r="AJ45" s="8"/>
      <c r="AK45" s="8"/>
    </row>
    <row r="46" spans="1:256" ht="33" customHeight="1" x14ac:dyDescent="0.3">
      <c r="A46" s="6"/>
      <c r="B46" s="6"/>
      <c r="E46" s="6"/>
      <c r="F46" s="6"/>
      <c r="G46" s="6"/>
      <c r="H46" s="6"/>
      <c r="I46" s="6"/>
      <c r="J46" s="6"/>
      <c r="K46" s="6"/>
      <c r="L46" s="6"/>
      <c r="M46" s="6"/>
      <c r="P46" s="6"/>
      <c r="Q46" s="6"/>
      <c r="R46" s="8"/>
      <c r="S46" s="8"/>
      <c r="T46" s="8"/>
      <c r="U46" s="8"/>
      <c r="V46" s="8"/>
      <c r="W46" s="8"/>
      <c r="X46" s="8"/>
      <c r="Y46" s="8"/>
      <c r="Z46" s="8"/>
      <c r="AA46" s="8"/>
      <c r="AB46" s="8"/>
      <c r="AC46" s="8"/>
      <c r="AD46" s="8"/>
      <c r="AE46" s="8"/>
      <c r="AF46" s="8"/>
      <c r="AG46" s="8"/>
      <c r="AH46" s="8"/>
      <c r="AI46" s="8"/>
      <c r="AJ46" s="8"/>
      <c r="AK46" s="8"/>
    </row>
    <row r="47" spans="1:256" ht="15.6" x14ac:dyDescent="0.3">
      <c r="A47" s="6"/>
      <c r="B47" s="6"/>
      <c r="E47" s="6"/>
      <c r="F47" s="6"/>
      <c r="G47" s="6"/>
      <c r="H47" s="6"/>
      <c r="I47" s="6"/>
      <c r="J47" s="6"/>
      <c r="K47" s="6"/>
      <c r="L47" s="6"/>
      <c r="M47" s="6"/>
      <c r="P47" s="6"/>
      <c r="Q47" s="6"/>
      <c r="R47" s="8"/>
      <c r="S47" s="8"/>
      <c r="T47" s="8"/>
      <c r="U47" s="8"/>
      <c r="V47" s="8"/>
      <c r="W47" s="8"/>
      <c r="X47" s="8"/>
      <c r="Y47" s="8"/>
      <c r="Z47" s="8"/>
      <c r="AA47" s="8"/>
      <c r="AB47" s="8"/>
      <c r="AC47" s="8"/>
      <c r="AD47" s="8"/>
      <c r="AE47" s="8"/>
      <c r="AF47" s="8"/>
      <c r="AG47" s="8"/>
      <c r="AH47" s="8"/>
      <c r="AI47" s="8"/>
      <c r="AJ47" s="8"/>
      <c r="AK47" s="8"/>
      <c r="AL47" s="8"/>
      <c r="AM47" s="8"/>
      <c r="AN47" s="8"/>
      <c r="AO47" s="8"/>
      <c r="AP47" s="8"/>
      <c r="AQ47" s="8"/>
      <c r="AR47" s="8"/>
      <c r="AS47" s="8"/>
      <c r="AT47" s="8"/>
      <c r="AU47" s="8"/>
      <c r="AV47" s="8"/>
      <c r="AW47" s="8"/>
      <c r="AX47" s="8"/>
      <c r="AY47" s="8"/>
      <c r="AZ47" s="8"/>
      <c r="BA47" s="8"/>
      <c r="BB47" s="8"/>
      <c r="BC47" s="8"/>
      <c r="BD47" s="8"/>
      <c r="BE47" s="8"/>
      <c r="BF47" s="8"/>
      <c r="BG47" s="8"/>
      <c r="BH47" s="8"/>
      <c r="BI47" s="8"/>
      <c r="BJ47" s="8"/>
      <c r="BK47" s="8"/>
      <c r="BL47" s="8"/>
      <c r="BM47" s="8"/>
      <c r="BN47" s="8"/>
      <c r="BO47" s="8"/>
      <c r="BP47" s="8"/>
      <c r="BQ47" s="8"/>
      <c r="BR47" s="8"/>
      <c r="BS47" s="8"/>
      <c r="BT47" s="8"/>
      <c r="BU47" s="8"/>
      <c r="BV47" s="8"/>
      <c r="BW47" s="8"/>
      <c r="BX47" s="8"/>
      <c r="BY47" s="8"/>
      <c r="BZ47" s="8"/>
      <c r="CA47" s="8"/>
      <c r="CB47" s="8"/>
      <c r="CC47" s="8"/>
      <c r="CD47" s="8"/>
      <c r="CE47" s="8"/>
      <c r="CF47" s="8"/>
      <c r="CG47" s="8"/>
      <c r="CH47" s="8"/>
      <c r="CI47" s="8"/>
      <c r="CJ47" s="8"/>
      <c r="CK47" s="8"/>
      <c r="CL47" s="8"/>
      <c r="CM47" s="8"/>
      <c r="CN47" s="8"/>
      <c r="CO47" s="8"/>
      <c r="CP47" s="8"/>
      <c r="CQ47" s="8"/>
      <c r="CR47" s="8"/>
      <c r="CS47" s="8"/>
      <c r="CT47" s="8"/>
      <c r="CU47" s="8"/>
      <c r="CV47" s="8"/>
      <c r="CW47" s="8"/>
      <c r="CX47" s="8"/>
      <c r="CY47" s="8"/>
      <c r="CZ47" s="8"/>
      <c r="DA47" s="8"/>
      <c r="DB47" s="8"/>
      <c r="DC47" s="8"/>
      <c r="DD47" s="8"/>
      <c r="DE47" s="8"/>
      <c r="DF47" s="8"/>
      <c r="DG47" s="8"/>
      <c r="DH47" s="8"/>
      <c r="DI47" s="8"/>
      <c r="DJ47" s="8"/>
      <c r="DK47" s="8"/>
      <c r="DL47" s="8"/>
      <c r="DM47" s="8"/>
      <c r="DN47" s="8"/>
      <c r="DO47" s="8"/>
      <c r="DP47" s="8"/>
      <c r="DQ47" s="8"/>
      <c r="DR47" s="8"/>
      <c r="DS47" s="8"/>
      <c r="DT47" s="8"/>
      <c r="DU47" s="8"/>
      <c r="DV47" s="8"/>
      <c r="DW47" s="8"/>
      <c r="DX47" s="8"/>
      <c r="DY47" s="8"/>
      <c r="DZ47" s="8"/>
      <c r="EA47" s="8"/>
      <c r="EB47" s="8"/>
      <c r="EC47" s="8"/>
      <c r="ED47" s="8"/>
      <c r="EE47" s="8"/>
      <c r="EF47" s="8"/>
      <c r="EG47" s="8"/>
      <c r="EH47" s="8"/>
      <c r="EI47" s="8"/>
      <c r="EJ47" s="8"/>
      <c r="EK47" s="8"/>
      <c r="EL47" s="8"/>
      <c r="EM47" s="8"/>
      <c r="EN47" s="8"/>
      <c r="EO47" s="8"/>
      <c r="EP47" s="8"/>
      <c r="EQ47" s="8"/>
      <c r="ER47" s="8"/>
      <c r="ES47" s="8"/>
      <c r="ET47" s="8"/>
      <c r="EU47" s="8"/>
      <c r="EV47" s="8"/>
      <c r="EW47" s="8"/>
      <c r="EX47" s="8"/>
      <c r="EY47" s="8"/>
      <c r="EZ47" s="8"/>
      <c r="FA47" s="8"/>
      <c r="FB47" s="8"/>
      <c r="FC47" s="8"/>
      <c r="FD47" s="8"/>
      <c r="FE47" s="8"/>
      <c r="FF47" s="8"/>
      <c r="FG47" s="8"/>
      <c r="FH47" s="8"/>
      <c r="FI47" s="8"/>
      <c r="FJ47" s="8"/>
      <c r="FK47" s="8"/>
      <c r="FL47" s="8"/>
      <c r="FM47" s="8"/>
      <c r="FN47" s="8"/>
      <c r="FO47" s="8"/>
      <c r="FP47" s="8"/>
      <c r="FQ47" s="8"/>
      <c r="FR47" s="8"/>
      <c r="FS47" s="8"/>
      <c r="FT47" s="8"/>
      <c r="FU47" s="8"/>
      <c r="FV47" s="8"/>
      <c r="FW47" s="8"/>
      <c r="FX47" s="8"/>
      <c r="FY47" s="8"/>
      <c r="FZ47" s="8"/>
      <c r="GA47" s="8"/>
      <c r="GB47" s="8"/>
      <c r="GC47" s="8"/>
      <c r="GD47" s="8"/>
      <c r="GE47" s="8"/>
      <c r="GF47" s="8"/>
      <c r="GG47" s="8"/>
      <c r="GH47" s="8"/>
      <c r="GI47" s="8"/>
      <c r="GJ47" s="8"/>
      <c r="GK47" s="8"/>
      <c r="GL47" s="8"/>
      <c r="GM47" s="8"/>
      <c r="GN47" s="8"/>
      <c r="GO47" s="8"/>
      <c r="GP47" s="8"/>
      <c r="GQ47" s="8"/>
      <c r="GR47" s="8"/>
      <c r="GS47" s="8"/>
      <c r="GT47" s="8"/>
      <c r="GU47" s="8"/>
      <c r="GV47" s="8"/>
      <c r="GW47" s="8"/>
      <c r="GX47" s="8"/>
      <c r="GY47" s="8"/>
      <c r="GZ47" s="8"/>
      <c r="HA47" s="8"/>
      <c r="HB47" s="8"/>
      <c r="HC47" s="8"/>
      <c r="HD47" s="8"/>
      <c r="HE47" s="8"/>
      <c r="HF47" s="8"/>
      <c r="HG47" s="8"/>
      <c r="HH47" s="8"/>
      <c r="HI47" s="8"/>
      <c r="HJ47" s="8"/>
      <c r="HK47" s="8"/>
      <c r="HL47" s="8"/>
      <c r="HM47" s="8"/>
      <c r="HN47" s="8"/>
      <c r="HO47" s="8"/>
      <c r="HP47" s="8"/>
      <c r="HQ47" s="8"/>
      <c r="HR47" s="8"/>
      <c r="HS47" s="8"/>
      <c r="HT47" s="8"/>
      <c r="HU47" s="8"/>
      <c r="HV47" s="8"/>
      <c r="HW47" s="8"/>
      <c r="HX47" s="8"/>
      <c r="HY47" s="8"/>
      <c r="HZ47" s="8"/>
      <c r="IA47" s="8"/>
      <c r="IB47" s="8"/>
      <c r="IC47" s="8"/>
      <c r="ID47" s="8"/>
      <c r="IE47" s="8"/>
      <c r="IF47" s="8"/>
      <c r="IG47" s="8"/>
      <c r="IH47" s="8"/>
      <c r="II47" s="8"/>
      <c r="IJ47" s="8"/>
      <c r="IK47" s="8"/>
      <c r="IL47" s="8"/>
      <c r="IM47" s="8"/>
      <c r="IN47" s="8"/>
      <c r="IO47" s="8"/>
      <c r="IP47" s="8"/>
      <c r="IQ47" s="8"/>
      <c r="IR47" s="8"/>
      <c r="IS47" s="8"/>
      <c r="IT47" s="8"/>
      <c r="IU47" s="8"/>
      <c r="IV47" s="8"/>
    </row>
    <row r="48" spans="1:256" ht="15.6" x14ac:dyDescent="0.3">
      <c r="A48" s="6"/>
      <c r="B48" s="6"/>
      <c r="E48" s="6"/>
      <c r="F48" s="6"/>
      <c r="G48" s="6"/>
      <c r="H48" s="6"/>
      <c r="I48" s="6"/>
      <c r="J48" s="6"/>
      <c r="K48" s="6"/>
      <c r="L48" s="6"/>
      <c r="M48" s="6"/>
      <c r="P48" s="6"/>
      <c r="Q48" s="6"/>
      <c r="R48" s="8"/>
      <c r="S48" s="8"/>
      <c r="T48" s="8"/>
      <c r="U48" s="8"/>
      <c r="V48" s="8"/>
      <c r="W48" s="8"/>
      <c r="X48" s="8"/>
      <c r="Y48" s="8"/>
      <c r="Z48" s="8"/>
      <c r="AA48" s="8"/>
      <c r="AB48" s="8"/>
      <c r="AC48" s="8"/>
      <c r="AD48" s="8"/>
      <c r="AE48" s="8"/>
      <c r="AF48" s="8"/>
      <c r="AG48" s="8"/>
      <c r="AH48" s="8"/>
      <c r="AI48" s="8"/>
      <c r="AJ48" s="8"/>
      <c r="AK48" s="8"/>
      <c r="AL48" s="8"/>
      <c r="AM48" s="8"/>
      <c r="AN48" s="8"/>
      <c r="AO48" s="8"/>
      <c r="AP48" s="8"/>
      <c r="AQ48" s="8"/>
      <c r="AR48" s="8"/>
      <c r="AS48" s="8"/>
      <c r="AT48" s="8"/>
      <c r="AU48" s="8"/>
      <c r="AV48" s="8"/>
      <c r="AW48" s="8"/>
      <c r="AX48" s="8"/>
      <c r="AY48" s="8"/>
      <c r="AZ48" s="8"/>
      <c r="BA48" s="8"/>
      <c r="BB48" s="8"/>
      <c r="BC48" s="8"/>
      <c r="BD48" s="8"/>
      <c r="BE48" s="8"/>
      <c r="BF48" s="8"/>
      <c r="BG48" s="8"/>
      <c r="BH48" s="8"/>
      <c r="BI48" s="8"/>
      <c r="BJ48" s="8"/>
      <c r="BK48" s="8"/>
      <c r="BL48" s="8"/>
      <c r="BM48" s="8"/>
      <c r="BN48" s="8"/>
      <c r="BO48" s="8"/>
      <c r="BP48" s="8"/>
      <c r="BQ48" s="8"/>
      <c r="BR48" s="8"/>
      <c r="BS48" s="8"/>
      <c r="BT48" s="8"/>
      <c r="BU48" s="8"/>
      <c r="BV48" s="8"/>
      <c r="BW48" s="8"/>
      <c r="BX48" s="8"/>
      <c r="BY48" s="8"/>
      <c r="BZ48" s="8"/>
      <c r="CA48" s="8"/>
      <c r="CB48" s="8"/>
      <c r="CC48" s="8"/>
      <c r="CD48" s="8"/>
      <c r="CE48" s="8"/>
      <c r="CF48" s="8"/>
      <c r="CG48" s="8"/>
      <c r="CH48" s="8"/>
      <c r="CI48" s="8"/>
      <c r="CJ48" s="8"/>
      <c r="CK48" s="8"/>
      <c r="CL48" s="8"/>
      <c r="CM48" s="8"/>
      <c r="CN48" s="8"/>
      <c r="CO48" s="8"/>
      <c r="CP48" s="8"/>
      <c r="CQ48" s="8"/>
      <c r="CR48" s="8"/>
      <c r="CS48" s="8"/>
      <c r="CT48" s="8"/>
      <c r="CU48" s="8"/>
      <c r="CV48" s="8"/>
      <c r="CW48" s="8"/>
      <c r="CX48" s="8"/>
      <c r="CY48" s="8"/>
      <c r="CZ48" s="8"/>
      <c r="DA48" s="8"/>
      <c r="DB48" s="8"/>
      <c r="DC48" s="8"/>
      <c r="DD48" s="8"/>
      <c r="DE48" s="8"/>
      <c r="DF48" s="8"/>
      <c r="DG48" s="8"/>
      <c r="DH48" s="8"/>
      <c r="DI48" s="8"/>
      <c r="DJ48" s="8"/>
      <c r="DK48" s="8"/>
      <c r="DL48" s="8"/>
      <c r="DM48" s="8"/>
      <c r="DN48" s="8"/>
      <c r="DO48" s="8"/>
      <c r="DP48" s="8"/>
      <c r="DQ48" s="8"/>
      <c r="DR48" s="8"/>
      <c r="DS48" s="8"/>
      <c r="DT48" s="8"/>
      <c r="DU48" s="8"/>
      <c r="DV48" s="8"/>
      <c r="DW48" s="8"/>
      <c r="DX48" s="8"/>
      <c r="DY48" s="8"/>
      <c r="DZ48" s="8"/>
      <c r="EA48" s="8"/>
      <c r="EB48" s="8"/>
      <c r="EC48" s="8"/>
      <c r="ED48" s="8"/>
      <c r="EE48" s="8"/>
      <c r="EF48" s="8"/>
      <c r="EG48" s="8"/>
      <c r="EH48" s="8"/>
      <c r="EI48" s="8"/>
      <c r="EJ48" s="8"/>
      <c r="EK48" s="8"/>
      <c r="EL48" s="8"/>
      <c r="EM48" s="8"/>
      <c r="EN48" s="8"/>
      <c r="EO48" s="8"/>
      <c r="EP48" s="8"/>
      <c r="EQ48" s="8"/>
      <c r="ER48" s="8"/>
      <c r="ES48" s="8"/>
      <c r="ET48" s="8"/>
      <c r="EU48" s="8"/>
      <c r="EV48" s="8"/>
      <c r="EW48" s="8"/>
      <c r="EX48" s="8"/>
      <c r="EY48" s="8"/>
      <c r="EZ48" s="8"/>
      <c r="FA48" s="8"/>
      <c r="FB48" s="8"/>
      <c r="FC48" s="8"/>
      <c r="FD48" s="8"/>
      <c r="FE48" s="8"/>
      <c r="FF48" s="8"/>
      <c r="FG48" s="8"/>
      <c r="FH48" s="8"/>
      <c r="FI48" s="8"/>
      <c r="FJ48" s="8"/>
      <c r="FK48" s="8"/>
      <c r="FL48" s="8"/>
      <c r="FM48" s="8"/>
      <c r="FN48" s="8"/>
      <c r="FO48" s="8"/>
      <c r="FP48" s="8"/>
      <c r="FQ48" s="8"/>
      <c r="FR48" s="8"/>
      <c r="FS48" s="8"/>
      <c r="FT48" s="8"/>
      <c r="FU48" s="8"/>
      <c r="FV48" s="8"/>
      <c r="FW48" s="8"/>
      <c r="FX48" s="8"/>
      <c r="FY48" s="8"/>
      <c r="FZ48" s="8"/>
      <c r="GA48" s="8"/>
      <c r="GB48" s="8"/>
      <c r="GC48" s="8"/>
      <c r="GD48" s="8"/>
      <c r="GE48" s="8"/>
      <c r="GF48" s="8"/>
      <c r="GG48" s="8"/>
      <c r="GH48" s="8"/>
      <c r="GI48" s="8"/>
      <c r="GJ48" s="8"/>
      <c r="GK48" s="8"/>
      <c r="GL48" s="8"/>
      <c r="GM48" s="8"/>
      <c r="GN48" s="8"/>
      <c r="GO48" s="8"/>
      <c r="GP48" s="8"/>
      <c r="GQ48" s="8"/>
      <c r="GR48" s="8"/>
      <c r="GS48" s="8"/>
      <c r="GT48" s="8"/>
      <c r="GU48" s="8"/>
      <c r="GV48" s="8"/>
      <c r="GW48" s="8"/>
      <c r="GX48" s="8"/>
      <c r="GY48" s="8"/>
      <c r="GZ48" s="8"/>
      <c r="HA48" s="8"/>
      <c r="HB48" s="8"/>
      <c r="HC48" s="8"/>
      <c r="HD48" s="8"/>
      <c r="HE48" s="8"/>
      <c r="HF48" s="8"/>
      <c r="HG48" s="8"/>
      <c r="HH48" s="8"/>
      <c r="HI48" s="8"/>
      <c r="HJ48" s="8"/>
      <c r="HK48" s="8"/>
      <c r="HL48" s="8"/>
      <c r="HM48" s="8"/>
      <c r="HN48" s="8"/>
      <c r="HO48" s="8"/>
      <c r="HP48" s="8"/>
      <c r="HQ48" s="8"/>
      <c r="HR48" s="8"/>
      <c r="HS48" s="8"/>
      <c r="HT48" s="8"/>
      <c r="HU48" s="8"/>
      <c r="HV48" s="8"/>
      <c r="HW48" s="8"/>
      <c r="HX48" s="8"/>
      <c r="HY48" s="8"/>
      <c r="HZ48" s="8"/>
      <c r="IA48" s="8"/>
      <c r="IB48" s="8"/>
      <c r="IC48" s="8"/>
      <c r="ID48" s="8"/>
      <c r="IE48" s="8"/>
      <c r="IF48" s="8"/>
      <c r="IG48" s="8"/>
      <c r="IH48" s="8"/>
      <c r="II48" s="8"/>
      <c r="IJ48" s="8"/>
      <c r="IK48" s="8"/>
      <c r="IL48" s="8"/>
      <c r="IM48" s="8"/>
      <c r="IN48" s="8"/>
      <c r="IO48" s="8"/>
      <c r="IP48" s="8"/>
      <c r="IQ48" s="8"/>
      <c r="IR48" s="8"/>
      <c r="IS48" s="8"/>
      <c r="IT48" s="8"/>
      <c r="IU48" s="8"/>
      <c r="IV48" s="8"/>
    </row>
    <row r="49" spans="1:256" ht="15.6" x14ac:dyDescent="0.3">
      <c r="A49" s="6"/>
      <c r="B49" s="6"/>
      <c r="E49" s="6"/>
      <c r="F49" s="6"/>
      <c r="G49" s="6"/>
      <c r="H49" s="6"/>
      <c r="I49" s="6"/>
      <c r="J49" s="6"/>
      <c r="K49" s="6"/>
      <c r="L49" s="6"/>
      <c r="M49" s="6"/>
      <c r="P49" s="6"/>
      <c r="Q49" s="6"/>
      <c r="R49" s="8"/>
      <c r="S49" s="8"/>
      <c r="T49" s="8"/>
      <c r="U49" s="8"/>
      <c r="V49" s="8"/>
      <c r="W49" s="8"/>
      <c r="X49" s="8"/>
      <c r="Y49" s="8"/>
      <c r="Z49" s="8"/>
      <c r="AA49" s="8"/>
      <c r="AB49" s="8"/>
      <c r="AC49" s="8"/>
      <c r="AD49" s="8"/>
      <c r="AE49" s="8"/>
      <c r="AF49" s="8"/>
      <c r="AG49" s="8"/>
      <c r="AH49" s="8"/>
      <c r="AI49" s="8"/>
      <c r="AJ49" s="8"/>
      <c r="AK49" s="8"/>
      <c r="AL49" s="8"/>
      <c r="AM49" s="8"/>
      <c r="AN49" s="8"/>
      <c r="AO49" s="8"/>
      <c r="AP49" s="8"/>
      <c r="AQ49" s="8"/>
      <c r="AR49" s="8"/>
      <c r="AS49" s="8"/>
      <c r="AT49" s="8"/>
      <c r="AU49" s="8"/>
      <c r="AV49" s="8"/>
      <c r="AW49" s="8"/>
      <c r="AX49" s="8"/>
      <c r="AY49" s="8"/>
      <c r="AZ49" s="8"/>
      <c r="BA49" s="8"/>
      <c r="BB49" s="8"/>
      <c r="BC49" s="8"/>
      <c r="BD49" s="8"/>
      <c r="BE49" s="8"/>
      <c r="BF49" s="8"/>
      <c r="BG49" s="8"/>
      <c r="BH49" s="8"/>
      <c r="BI49" s="8"/>
      <c r="BJ49" s="8"/>
      <c r="BK49" s="8"/>
      <c r="BL49" s="8"/>
      <c r="BM49" s="8"/>
      <c r="BN49" s="8"/>
      <c r="BO49" s="8"/>
      <c r="BP49" s="8"/>
      <c r="BQ49" s="8"/>
      <c r="BR49" s="8"/>
      <c r="BS49" s="8"/>
      <c r="BT49" s="8"/>
      <c r="BU49" s="8"/>
      <c r="BV49" s="8"/>
      <c r="BW49" s="8"/>
      <c r="BX49" s="8"/>
      <c r="BY49" s="8"/>
      <c r="BZ49" s="8"/>
      <c r="CA49" s="8"/>
      <c r="CB49" s="8"/>
      <c r="CC49" s="8"/>
      <c r="CD49" s="8"/>
      <c r="CE49" s="8"/>
      <c r="CF49" s="8"/>
      <c r="CG49" s="8"/>
      <c r="CH49" s="8"/>
      <c r="CI49" s="8"/>
      <c r="CJ49" s="8"/>
      <c r="CK49" s="8"/>
      <c r="CL49" s="8"/>
      <c r="CM49" s="8"/>
      <c r="CN49" s="8"/>
      <c r="CO49" s="8"/>
      <c r="CP49" s="8"/>
      <c r="CQ49" s="8"/>
      <c r="CR49" s="8"/>
      <c r="CS49" s="8"/>
      <c r="CT49" s="8"/>
      <c r="CU49" s="8"/>
      <c r="CV49" s="8"/>
      <c r="CW49" s="8"/>
      <c r="CX49" s="8"/>
      <c r="CY49" s="8"/>
      <c r="CZ49" s="8"/>
      <c r="DA49" s="8"/>
      <c r="DB49" s="8"/>
      <c r="DC49" s="8"/>
      <c r="DD49" s="8"/>
      <c r="DE49" s="8"/>
      <c r="DF49" s="8"/>
      <c r="DG49" s="8"/>
      <c r="DH49" s="8"/>
      <c r="DI49" s="8"/>
      <c r="DJ49" s="8"/>
      <c r="DK49" s="8"/>
      <c r="DL49" s="8"/>
      <c r="DM49" s="8"/>
      <c r="DN49" s="8"/>
      <c r="DO49" s="8"/>
      <c r="DP49" s="8"/>
      <c r="DQ49" s="8"/>
      <c r="DR49" s="8"/>
      <c r="DS49" s="8"/>
      <c r="DT49" s="8"/>
      <c r="DU49" s="8"/>
      <c r="DV49" s="8"/>
      <c r="DW49" s="8"/>
      <c r="DX49" s="8"/>
      <c r="DY49" s="8"/>
      <c r="DZ49" s="8"/>
      <c r="EA49" s="8"/>
      <c r="EB49" s="8"/>
      <c r="EC49" s="8"/>
      <c r="ED49" s="8"/>
      <c r="EE49" s="8"/>
      <c r="EF49" s="8"/>
      <c r="EG49" s="8"/>
      <c r="EH49" s="8"/>
      <c r="EI49" s="8"/>
      <c r="EJ49" s="8"/>
      <c r="EK49" s="8"/>
      <c r="EL49" s="8"/>
      <c r="EM49" s="8"/>
      <c r="EN49" s="8"/>
      <c r="EO49" s="8"/>
      <c r="EP49" s="8"/>
      <c r="EQ49" s="8"/>
      <c r="ER49" s="8"/>
      <c r="ES49" s="8"/>
      <c r="ET49" s="8"/>
      <c r="EU49" s="8"/>
      <c r="EV49" s="8"/>
      <c r="EW49" s="8"/>
      <c r="EX49" s="8"/>
      <c r="EY49" s="8"/>
      <c r="EZ49" s="8"/>
      <c r="FA49" s="8"/>
      <c r="FB49" s="8"/>
      <c r="FC49" s="8"/>
      <c r="FD49" s="8"/>
      <c r="FE49" s="8"/>
      <c r="FF49" s="8"/>
      <c r="FG49" s="8"/>
      <c r="FH49" s="8"/>
      <c r="FI49" s="8"/>
      <c r="FJ49" s="8"/>
      <c r="FK49" s="8"/>
      <c r="FL49" s="8"/>
      <c r="FM49" s="8"/>
      <c r="FN49" s="8"/>
      <c r="FO49" s="8"/>
      <c r="FP49" s="8"/>
      <c r="FQ49" s="8"/>
      <c r="FR49" s="8"/>
      <c r="FS49" s="8"/>
      <c r="FT49" s="8"/>
      <c r="FU49" s="8"/>
      <c r="FV49" s="8"/>
      <c r="FW49" s="8"/>
      <c r="FX49" s="8"/>
      <c r="FY49" s="8"/>
      <c r="FZ49" s="8"/>
      <c r="GA49" s="8"/>
      <c r="GB49" s="8"/>
      <c r="GC49" s="8"/>
      <c r="GD49" s="8"/>
      <c r="GE49" s="8"/>
      <c r="GF49" s="8"/>
      <c r="GG49" s="8"/>
      <c r="GH49" s="8"/>
      <c r="GI49" s="8"/>
      <c r="GJ49" s="8"/>
      <c r="GK49" s="8"/>
      <c r="GL49" s="8"/>
      <c r="GM49" s="8"/>
      <c r="GN49" s="8"/>
      <c r="GO49" s="8"/>
      <c r="GP49" s="8"/>
      <c r="GQ49" s="8"/>
      <c r="GR49" s="8"/>
      <c r="GS49" s="8"/>
      <c r="GT49" s="8"/>
      <c r="GU49" s="8"/>
      <c r="GV49" s="8"/>
      <c r="GW49" s="8"/>
      <c r="GX49" s="8"/>
      <c r="GY49" s="8"/>
      <c r="GZ49" s="8"/>
      <c r="HA49" s="8"/>
      <c r="HB49" s="8"/>
      <c r="HC49" s="8"/>
      <c r="HD49" s="8"/>
      <c r="HE49" s="8"/>
      <c r="HF49" s="8"/>
      <c r="HG49" s="8"/>
      <c r="HH49" s="8"/>
      <c r="HI49" s="8"/>
      <c r="HJ49" s="8"/>
      <c r="HK49" s="8"/>
      <c r="HL49" s="8"/>
      <c r="HM49" s="8"/>
      <c r="HN49" s="8"/>
      <c r="HO49" s="8"/>
      <c r="HP49" s="8"/>
      <c r="HQ49" s="8"/>
      <c r="HR49" s="8"/>
      <c r="HS49" s="8"/>
      <c r="HT49" s="8"/>
      <c r="HU49" s="8"/>
      <c r="HV49" s="8"/>
      <c r="HW49" s="8"/>
      <c r="HX49" s="8"/>
      <c r="HY49" s="8"/>
      <c r="HZ49" s="8"/>
      <c r="IA49" s="8"/>
      <c r="IB49" s="8"/>
      <c r="IC49" s="8"/>
      <c r="ID49" s="8"/>
      <c r="IE49" s="8"/>
      <c r="IF49" s="8"/>
      <c r="IG49" s="8"/>
      <c r="IH49" s="8"/>
      <c r="II49" s="8"/>
      <c r="IJ49" s="8"/>
      <c r="IK49" s="8"/>
      <c r="IL49" s="8"/>
      <c r="IM49" s="8"/>
      <c r="IN49" s="8"/>
      <c r="IO49" s="8"/>
      <c r="IP49" s="8"/>
      <c r="IQ49" s="8"/>
      <c r="IR49" s="8"/>
      <c r="IS49" s="8"/>
      <c r="IT49" s="8"/>
      <c r="IU49" s="8"/>
      <c r="IV49" s="8"/>
    </row>
    <row r="50" spans="1:256" ht="15.6" x14ac:dyDescent="0.3">
      <c r="A50" s="6"/>
      <c r="B50" s="6"/>
      <c r="E50" s="6"/>
      <c r="F50" s="6"/>
      <c r="G50" s="6"/>
      <c r="H50" s="6"/>
      <c r="I50" s="6"/>
      <c r="J50" s="6"/>
      <c r="K50" s="6"/>
      <c r="L50" s="6"/>
      <c r="M50" s="6"/>
      <c r="P50" s="6"/>
      <c r="Q50" s="6"/>
      <c r="R50" s="8"/>
      <c r="S50" s="8"/>
      <c r="T50" s="8"/>
      <c r="U50" s="8"/>
      <c r="V50" s="8"/>
      <c r="W50" s="8"/>
      <c r="X50" s="8"/>
      <c r="Y50" s="8"/>
      <c r="Z50" s="8"/>
      <c r="AA50" s="8"/>
      <c r="AB50" s="8"/>
      <c r="AC50" s="8"/>
      <c r="AD50" s="8"/>
      <c r="AE50" s="8"/>
      <c r="AF50" s="8"/>
      <c r="AG50" s="8"/>
      <c r="AH50" s="8"/>
      <c r="AI50" s="8"/>
      <c r="AJ50" s="8"/>
      <c r="AK50" s="8"/>
      <c r="AL50" s="8"/>
      <c r="AM50" s="8"/>
      <c r="AN50" s="8"/>
      <c r="AO50" s="8"/>
      <c r="AP50" s="8"/>
      <c r="AQ50" s="8"/>
      <c r="AR50" s="8"/>
      <c r="AS50" s="8"/>
      <c r="AT50" s="8"/>
      <c r="AU50" s="8"/>
      <c r="AV50" s="8"/>
      <c r="AW50" s="8"/>
      <c r="AX50" s="8"/>
      <c r="AY50" s="8"/>
      <c r="AZ50" s="8"/>
      <c r="BA50" s="8"/>
      <c r="BB50" s="8"/>
      <c r="BC50" s="8"/>
      <c r="BD50" s="8"/>
      <c r="BE50" s="8"/>
      <c r="BF50" s="8"/>
      <c r="BG50" s="8"/>
      <c r="BH50" s="8"/>
      <c r="BI50" s="8"/>
      <c r="BJ50" s="8"/>
      <c r="BK50" s="8"/>
      <c r="BL50" s="8"/>
      <c r="BM50" s="8"/>
      <c r="BN50" s="8"/>
      <c r="BO50" s="8"/>
      <c r="BP50" s="8"/>
      <c r="BQ50" s="8"/>
      <c r="BR50" s="8"/>
      <c r="BS50" s="8"/>
      <c r="BT50" s="8"/>
      <c r="BU50" s="8"/>
      <c r="BV50" s="8"/>
      <c r="BW50" s="8"/>
      <c r="BX50" s="8"/>
      <c r="BY50" s="8"/>
      <c r="BZ50" s="8"/>
      <c r="CA50" s="8"/>
      <c r="CB50" s="8"/>
      <c r="CC50" s="8"/>
      <c r="CD50" s="8"/>
      <c r="CE50" s="8"/>
      <c r="CF50" s="8"/>
      <c r="CG50" s="8"/>
      <c r="CH50" s="8"/>
      <c r="CI50" s="8"/>
      <c r="CJ50" s="8"/>
      <c r="CK50" s="8"/>
      <c r="CL50" s="8"/>
      <c r="CM50" s="8"/>
      <c r="CN50" s="8"/>
      <c r="CO50" s="8"/>
      <c r="CP50" s="8"/>
      <c r="CQ50" s="8"/>
      <c r="CR50" s="8"/>
      <c r="CS50" s="8"/>
      <c r="CT50" s="8"/>
      <c r="CU50" s="8"/>
      <c r="CV50" s="8"/>
      <c r="CW50" s="8"/>
      <c r="CX50" s="8"/>
      <c r="CY50" s="8"/>
      <c r="CZ50" s="8"/>
      <c r="DA50" s="8"/>
      <c r="DB50" s="8"/>
      <c r="DC50" s="8"/>
      <c r="DD50" s="8"/>
      <c r="DE50" s="8"/>
      <c r="DF50" s="8"/>
      <c r="DG50" s="8"/>
      <c r="DH50" s="8"/>
      <c r="DI50" s="8"/>
      <c r="DJ50" s="8"/>
      <c r="DK50" s="8"/>
      <c r="DL50" s="8"/>
      <c r="DM50" s="8"/>
      <c r="DN50" s="8"/>
      <c r="DO50" s="8"/>
      <c r="DP50" s="8"/>
      <c r="DQ50" s="8"/>
      <c r="DR50" s="8"/>
      <c r="DS50" s="8"/>
      <c r="DT50" s="8"/>
      <c r="DU50" s="8"/>
      <c r="DV50" s="8"/>
      <c r="DW50" s="8"/>
      <c r="DX50" s="8"/>
      <c r="DY50" s="8"/>
      <c r="DZ50" s="8"/>
      <c r="EA50" s="8"/>
      <c r="EB50" s="8"/>
      <c r="EC50" s="8"/>
      <c r="ED50" s="8"/>
      <c r="EE50" s="8"/>
      <c r="EF50" s="8"/>
      <c r="EG50" s="8"/>
      <c r="EH50" s="8"/>
      <c r="EI50" s="8"/>
      <c r="EJ50" s="8"/>
      <c r="EK50" s="8"/>
      <c r="EL50" s="8"/>
      <c r="EM50" s="8"/>
      <c r="EN50" s="8"/>
      <c r="EO50" s="8"/>
      <c r="EP50" s="8"/>
      <c r="EQ50" s="8"/>
      <c r="ER50" s="8"/>
      <c r="ES50" s="8"/>
      <c r="ET50" s="8"/>
      <c r="EU50" s="8"/>
      <c r="EV50" s="8"/>
      <c r="EW50" s="8"/>
      <c r="EX50" s="8"/>
      <c r="EY50" s="8"/>
      <c r="EZ50" s="8"/>
      <c r="FA50" s="8"/>
      <c r="FB50" s="8"/>
      <c r="FC50" s="8"/>
      <c r="FD50" s="8"/>
      <c r="FE50" s="8"/>
      <c r="FF50" s="8"/>
      <c r="FG50" s="8"/>
      <c r="FH50" s="8"/>
      <c r="FI50" s="8"/>
      <c r="FJ50" s="8"/>
      <c r="FK50" s="8"/>
      <c r="FL50" s="8"/>
      <c r="FM50" s="8"/>
      <c r="FN50" s="8"/>
      <c r="FO50" s="8"/>
      <c r="FP50" s="8"/>
      <c r="FQ50" s="8"/>
      <c r="FR50" s="8"/>
      <c r="FS50" s="8"/>
      <c r="FT50" s="8"/>
      <c r="FU50" s="8"/>
      <c r="FV50" s="8"/>
      <c r="FW50" s="8"/>
      <c r="FX50" s="8"/>
      <c r="FY50" s="8"/>
      <c r="FZ50" s="8"/>
      <c r="GA50" s="8"/>
      <c r="GB50" s="8"/>
      <c r="GC50" s="8"/>
      <c r="GD50" s="8"/>
      <c r="GE50" s="8"/>
      <c r="GF50" s="8"/>
      <c r="GG50" s="8"/>
      <c r="GH50" s="8"/>
      <c r="GI50" s="8"/>
      <c r="GJ50" s="8"/>
      <c r="GK50" s="8"/>
      <c r="GL50" s="8"/>
      <c r="GM50" s="8"/>
      <c r="GN50" s="8"/>
      <c r="GO50" s="8"/>
      <c r="GP50" s="8"/>
      <c r="GQ50" s="8"/>
      <c r="GR50" s="8"/>
      <c r="GS50" s="8"/>
      <c r="GT50" s="8"/>
      <c r="GU50" s="8"/>
      <c r="GV50" s="8"/>
      <c r="GW50" s="8"/>
      <c r="GX50" s="8"/>
      <c r="GY50" s="8"/>
      <c r="GZ50" s="8"/>
      <c r="HA50" s="8"/>
      <c r="HB50" s="8"/>
      <c r="HC50" s="8"/>
      <c r="HD50" s="8"/>
      <c r="HE50" s="8"/>
      <c r="HF50" s="8"/>
      <c r="HG50" s="8"/>
      <c r="HH50" s="8"/>
      <c r="HI50" s="8"/>
      <c r="HJ50" s="8"/>
      <c r="HK50" s="8"/>
      <c r="HL50" s="8"/>
      <c r="HM50" s="8"/>
      <c r="HN50" s="8"/>
      <c r="HO50" s="8"/>
      <c r="HP50" s="8"/>
      <c r="HQ50" s="8"/>
      <c r="HR50" s="8"/>
      <c r="HS50" s="8"/>
      <c r="HT50" s="8"/>
      <c r="HU50" s="8"/>
      <c r="HV50" s="8"/>
      <c r="HW50" s="8"/>
      <c r="HX50" s="8"/>
      <c r="HY50" s="8"/>
      <c r="HZ50" s="8"/>
      <c r="IA50" s="8"/>
      <c r="IB50" s="8"/>
      <c r="IC50" s="8"/>
      <c r="ID50" s="8"/>
      <c r="IE50" s="8"/>
      <c r="IF50" s="8"/>
      <c r="IG50" s="8"/>
      <c r="IH50" s="8"/>
      <c r="II50" s="8"/>
      <c r="IJ50" s="8"/>
      <c r="IK50" s="8"/>
      <c r="IL50" s="8"/>
      <c r="IM50" s="8"/>
      <c r="IN50" s="8"/>
      <c r="IO50" s="8"/>
      <c r="IP50" s="8"/>
      <c r="IQ50" s="8"/>
      <c r="IR50" s="8"/>
      <c r="IS50" s="8"/>
      <c r="IT50" s="8"/>
      <c r="IU50" s="8"/>
      <c r="IV50" s="8"/>
    </row>
    <row r="51" spans="1:256" x14ac:dyDescent="0.3">
      <c r="A51" s="6"/>
      <c r="B51" s="6"/>
      <c r="E51" s="6"/>
      <c r="F51" s="6"/>
      <c r="G51" s="6"/>
      <c r="H51" s="6"/>
      <c r="I51" s="6"/>
      <c r="J51" s="6"/>
      <c r="K51" s="6"/>
      <c r="L51" s="6"/>
      <c r="M51" s="6"/>
      <c r="P51" s="6"/>
      <c r="Q51" s="6"/>
    </row>
    <row r="52" spans="1:256" ht="21.75" customHeight="1" x14ac:dyDescent="0.3">
      <c r="A52" s="6"/>
      <c r="B52" s="6"/>
      <c r="E52" s="6"/>
      <c r="F52" s="6"/>
      <c r="G52" s="6"/>
      <c r="H52" s="6"/>
      <c r="I52" s="6"/>
      <c r="J52" s="6"/>
      <c r="K52" s="6"/>
      <c r="L52" s="6"/>
      <c r="M52" s="6"/>
      <c r="P52" s="6"/>
      <c r="Q52" s="6"/>
    </row>
    <row r="53" spans="1:256" x14ac:dyDescent="0.3">
      <c r="A53" s="6"/>
      <c r="B53" s="6"/>
      <c r="E53" s="6"/>
      <c r="F53" s="6"/>
      <c r="G53" s="6"/>
      <c r="H53" s="6"/>
      <c r="I53" s="6"/>
      <c r="J53" s="6"/>
      <c r="K53" s="6"/>
      <c r="L53" s="6"/>
      <c r="M53" s="6"/>
      <c r="P53" s="6"/>
      <c r="Q53" s="6"/>
    </row>
    <row r="54" spans="1:256" ht="24.75" customHeight="1" x14ac:dyDescent="0.3">
      <c r="A54" s="6"/>
      <c r="B54" s="6"/>
      <c r="E54" s="6"/>
      <c r="F54" s="6"/>
      <c r="G54" s="6"/>
      <c r="H54" s="6"/>
      <c r="I54" s="6"/>
      <c r="J54" s="6"/>
      <c r="K54" s="6"/>
      <c r="L54" s="6"/>
      <c r="M54" s="6"/>
      <c r="P54" s="6"/>
      <c r="Q54" s="6"/>
    </row>
    <row r="55" spans="1:256" ht="15.6" x14ac:dyDescent="0.3">
      <c r="A55" s="6"/>
      <c r="B55" s="6"/>
      <c r="E55" s="6"/>
      <c r="F55" s="6"/>
      <c r="G55" s="6"/>
      <c r="H55" s="6"/>
      <c r="I55" s="6"/>
      <c r="J55" s="6"/>
      <c r="K55" s="6"/>
      <c r="L55" s="6"/>
      <c r="M55" s="6"/>
      <c r="P55" s="6"/>
      <c r="Q55" s="6"/>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8"/>
      <c r="BU55" s="8"/>
      <c r="BV55" s="8"/>
      <c r="BW55" s="8"/>
      <c r="BX55" s="8"/>
      <c r="BY55" s="8"/>
      <c r="BZ55" s="8"/>
      <c r="CA55" s="8"/>
      <c r="CB55" s="8"/>
      <c r="CC55" s="8"/>
      <c r="CD55" s="8"/>
      <c r="CE55" s="8"/>
      <c r="CF55" s="8"/>
      <c r="CG55" s="8"/>
      <c r="CH55" s="8"/>
      <c r="CI55" s="8"/>
      <c r="CJ55" s="8"/>
      <c r="CK55" s="8"/>
      <c r="CL55" s="8"/>
      <c r="CM55" s="8"/>
      <c r="CN55" s="8"/>
      <c r="CO55" s="8"/>
      <c r="CP55" s="8"/>
      <c r="CQ55" s="8"/>
      <c r="CR55" s="8"/>
      <c r="CS55" s="8"/>
      <c r="CT55" s="8"/>
      <c r="CU55" s="8"/>
      <c r="CV55" s="8"/>
      <c r="CW55" s="8"/>
      <c r="CX55" s="8"/>
      <c r="CY55" s="8"/>
      <c r="CZ55" s="8"/>
      <c r="DA55" s="8"/>
      <c r="DB55" s="8"/>
      <c r="DC55" s="8"/>
      <c r="DD55" s="8"/>
      <c r="DE55" s="8"/>
      <c r="DF55" s="8"/>
      <c r="DG55" s="8"/>
      <c r="DH55" s="8"/>
      <c r="DI55" s="8"/>
      <c r="DJ55" s="8"/>
      <c r="DK55" s="8"/>
      <c r="DL55" s="8"/>
      <c r="DM55" s="8"/>
      <c r="DN55" s="8"/>
      <c r="DO55" s="8"/>
      <c r="DP55" s="8"/>
      <c r="DQ55" s="8"/>
      <c r="DR55" s="8"/>
      <c r="DS55" s="8"/>
      <c r="DT55" s="8"/>
      <c r="DU55" s="8"/>
      <c r="DV55" s="8"/>
      <c r="DW55" s="8"/>
      <c r="DX55" s="8"/>
      <c r="DY55" s="8"/>
      <c r="DZ55" s="8"/>
      <c r="EA55" s="8"/>
      <c r="EB55" s="8"/>
      <c r="EC55" s="8"/>
      <c r="ED55" s="8"/>
      <c r="EE55" s="8"/>
      <c r="EF55" s="8"/>
      <c r="EG55" s="8"/>
      <c r="EH55" s="8"/>
      <c r="EI55" s="8"/>
      <c r="EJ55" s="8"/>
      <c r="EK55" s="8"/>
      <c r="EL55" s="8"/>
      <c r="EM55" s="8"/>
      <c r="EN55" s="8"/>
      <c r="EO55" s="8"/>
      <c r="EP55" s="8"/>
      <c r="EQ55" s="8"/>
      <c r="ER55" s="8"/>
      <c r="ES55" s="8"/>
      <c r="ET55" s="8"/>
      <c r="EU55" s="8"/>
      <c r="EV55" s="8"/>
      <c r="EW55" s="8"/>
      <c r="EX55" s="8"/>
      <c r="EY55" s="8"/>
      <c r="EZ55" s="8"/>
      <c r="FA55" s="8"/>
      <c r="FB55" s="8"/>
      <c r="FC55" s="8"/>
      <c r="FD55" s="8"/>
      <c r="FE55" s="8"/>
      <c r="FF55" s="8"/>
      <c r="FG55" s="8"/>
      <c r="FH55" s="8"/>
      <c r="FI55" s="8"/>
      <c r="FJ55" s="8"/>
      <c r="FK55" s="8"/>
      <c r="FL55" s="8"/>
      <c r="FM55" s="8"/>
      <c r="FN55" s="8"/>
      <c r="FO55" s="8"/>
      <c r="FP55" s="8"/>
      <c r="FQ55" s="8"/>
      <c r="FR55" s="8"/>
      <c r="FS55" s="8"/>
      <c r="FT55" s="8"/>
      <c r="FU55" s="8"/>
      <c r="FV55" s="8"/>
      <c r="FW55" s="8"/>
      <c r="FX55" s="8"/>
      <c r="FY55" s="8"/>
      <c r="FZ55" s="8"/>
      <c r="GA55" s="8"/>
      <c r="GB55" s="8"/>
      <c r="GC55" s="8"/>
      <c r="GD55" s="8"/>
      <c r="GE55" s="8"/>
      <c r="GF55" s="8"/>
      <c r="GG55" s="8"/>
      <c r="GH55" s="8"/>
      <c r="GI55" s="8"/>
      <c r="GJ55" s="8"/>
      <c r="GK55" s="8"/>
      <c r="GL55" s="8"/>
      <c r="GM55" s="8"/>
      <c r="GN55" s="8"/>
      <c r="GO55" s="8"/>
      <c r="GP55" s="8"/>
      <c r="GQ55" s="8"/>
      <c r="GR55" s="8"/>
      <c r="GS55" s="8"/>
      <c r="GT55" s="8"/>
      <c r="GU55" s="8"/>
      <c r="GV55" s="8"/>
      <c r="GW55" s="8"/>
      <c r="GX55" s="8"/>
      <c r="GY55" s="8"/>
      <c r="GZ55" s="8"/>
      <c r="HA55" s="8"/>
      <c r="HB55" s="8"/>
      <c r="HC55" s="8"/>
      <c r="HD55" s="8"/>
      <c r="HE55" s="8"/>
      <c r="HF55" s="8"/>
      <c r="HG55" s="8"/>
      <c r="HH55" s="8"/>
      <c r="HI55" s="8"/>
      <c r="HJ55" s="8"/>
      <c r="HK55" s="8"/>
      <c r="HL55" s="8"/>
      <c r="HM55" s="8"/>
      <c r="HN55" s="8"/>
      <c r="HO55" s="8"/>
      <c r="HP55" s="8"/>
      <c r="HQ55" s="8"/>
      <c r="HR55" s="8"/>
      <c r="HS55" s="8"/>
      <c r="HT55" s="8"/>
      <c r="HU55" s="8"/>
      <c r="HV55" s="8"/>
      <c r="HW55" s="8"/>
      <c r="HX55" s="8"/>
      <c r="HY55" s="8"/>
      <c r="HZ55" s="8"/>
      <c r="IA55" s="8"/>
      <c r="IB55" s="8"/>
      <c r="IC55" s="8"/>
      <c r="ID55" s="8"/>
      <c r="IE55" s="8"/>
      <c r="IF55" s="8"/>
      <c r="IG55" s="8"/>
      <c r="IH55" s="8"/>
      <c r="II55" s="8"/>
      <c r="IJ55" s="8"/>
      <c r="IK55" s="8"/>
      <c r="IL55" s="8"/>
      <c r="IM55" s="8"/>
      <c r="IN55" s="8"/>
      <c r="IO55" s="8"/>
      <c r="IP55" s="8"/>
      <c r="IQ55" s="8"/>
      <c r="IR55" s="8"/>
      <c r="IS55" s="8"/>
      <c r="IT55" s="8"/>
      <c r="IU55" s="8"/>
      <c r="IV55" s="8"/>
    </row>
    <row r="56" spans="1:256" ht="15.6" x14ac:dyDescent="0.3">
      <c r="A56" s="6"/>
      <c r="B56" s="6"/>
      <c r="E56" s="6"/>
      <c r="F56" s="6"/>
      <c r="G56" s="6"/>
      <c r="H56" s="6"/>
      <c r="I56" s="6"/>
      <c r="J56" s="6"/>
      <c r="K56" s="6"/>
      <c r="L56" s="6"/>
      <c r="M56" s="6"/>
      <c r="P56" s="6"/>
      <c r="Q56" s="6"/>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8"/>
      <c r="BU56" s="8"/>
      <c r="BV56" s="8"/>
      <c r="BW56" s="8"/>
      <c r="BX56" s="8"/>
      <c r="BY56" s="8"/>
      <c r="BZ56" s="8"/>
      <c r="CA56" s="8"/>
      <c r="CB56" s="8"/>
      <c r="CC56" s="8"/>
      <c r="CD56" s="8"/>
      <c r="CE56" s="8"/>
      <c r="CF56" s="8"/>
      <c r="CG56" s="8"/>
      <c r="CH56" s="8"/>
      <c r="CI56" s="8"/>
      <c r="CJ56" s="8"/>
      <c r="CK56" s="8"/>
      <c r="CL56" s="8"/>
      <c r="CM56" s="8"/>
      <c r="CN56" s="8"/>
      <c r="CO56" s="8"/>
      <c r="CP56" s="8"/>
      <c r="CQ56" s="8"/>
      <c r="CR56" s="8"/>
      <c r="CS56" s="8"/>
      <c r="CT56" s="8"/>
      <c r="CU56" s="8"/>
      <c r="CV56" s="8"/>
      <c r="CW56" s="8"/>
      <c r="CX56" s="8"/>
      <c r="CY56" s="8"/>
      <c r="CZ56" s="8"/>
      <c r="DA56" s="8"/>
      <c r="DB56" s="8"/>
      <c r="DC56" s="8"/>
      <c r="DD56" s="8"/>
      <c r="DE56" s="8"/>
      <c r="DF56" s="8"/>
      <c r="DG56" s="8"/>
      <c r="DH56" s="8"/>
      <c r="DI56" s="8"/>
      <c r="DJ56" s="8"/>
      <c r="DK56" s="8"/>
      <c r="DL56" s="8"/>
      <c r="DM56" s="8"/>
      <c r="DN56" s="8"/>
      <c r="DO56" s="8"/>
      <c r="DP56" s="8"/>
      <c r="DQ56" s="8"/>
      <c r="DR56" s="8"/>
      <c r="DS56" s="8"/>
      <c r="DT56" s="8"/>
      <c r="DU56" s="8"/>
      <c r="DV56" s="8"/>
      <c r="DW56" s="8"/>
      <c r="DX56" s="8"/>
      <c r="DY56" s="8"/>
      <c r="DZ56" s="8"/>
      <c r="EA56" s="8"/>
      <c r="EB56" s="8"/>
      <c r="EC56" s="8"/>
      <c r="ED56" s="8"/>
      <c r="EE56" s="8"/>
      <c r="EF56" s="8"/>
      <c r="EG56" s="8"/>
      <c r="EH56" s="8"/>
      <c r="EI56" s="8"/>
      <c r="EJ56" s="8"/>
      <c r="EK56" s="8"/>
      <c r="EL56" s="8"/>
      <c r="EM56" s="8"/>
      <c r="EN56" s="8"/>
      <c r="EO56" s="8"/>
      <c r="EP56" s="8"/>
      <c r="EQ56" s="8"/>
      <c r="ER56" s="8"/>
      <c r="ES56" s="8"/>
      <c r="ET56" s="8"/>
      <c r="EU56" s="8"/>
      <c r="EV56" s="8"/>
      <c r="EW56" s="8"/>
      <c r="EX56" s="8"/>
      <c r="EY56" s="8"/>
      <c r="EZ56" s="8"/>
      <c r="FA56" s="8"/>
      <c r="FB56" s="8"/>
      <c r="FC56" s="8"/>
      <c r="FD56" s="8"/>
      <c r="FE56" s="8"/>
      <c r="FF56" s="8"/>
      <c r="FG56" s="8"/>
      <c r="FH56" s="8"/>
      <c r="FI56" s="8"/>
      <c r="FJ56" s="8"/>
      <c r="FK56" s="8"/>
      <c r="FL56" s="8"/>
      <c r="FM56" s="8"/>
      <c r="FN56" s="8"/>
      <c r="FO56" s="8"/>
      <c r="FP56" s="8"/>
      <c r="FQ56" s="8"/>
      <c r="FR56" s="8"/>
      <c r="FS56" s="8"/>
      <c r="FT56" s="8"/>
      <c r="FU56" s="8"/>
      <c r="FV56" s="8"/>
      <c r="FW56" s="8"/>
      <c r="FX56" s="8"/>
      <c r="FY56" s="8"/>
      <c r="FZ56" s="8"/>
      <c r="GA56" s="8"/>
      <c r="GB56" s="8"/>
      <c r="GC56" s="8"/>
      <c r="GD56" s="8"/>
      <c r="GE56" s="8"/>
      <c r="GF56" s="8"/>
      <c r="GG56" s="8"/>
      <c r="GH56" s="8"/>
      <c r="GI56" s="8"/>
      <c r="GJ56" s="8"/>
      <c r="GK56" s="8"/>
      <c r="GL56" s="8"/>
      <c r="GM56" s="8"/>
      <c r="GN56" s="8"/>
      <c r="GO56" s="8"/>
      <c r="GP56" s="8"/>
      <c r="GQ56" s="8"/>
      <c r="GR56" s="8"/>
      <c r="GS56" s="8"/>
      <c r="GT56" s="8"/>
      <c r="GU56" s="8"/>
      <c r="GV56" s="8"/>
      <c r="GW56" s="8"/>
      <c r="GX56" s="8"/>
      <c r="GY56" s="8"/>
      <c r="GZ56" s="8"/>
      <c r="HA56" s="8"/>
      <c r="HB56" s="8"/>
      <c r="HC56" s="8"/>
      <c r="HD56" s="8"/>
      <c r="HE56" s="8"/>
      <c r="HF56" s="8"/>
      <c r="HG56" s="8"/>
      <c r="HH56" s="8"/>
      <c r="HI56" s="8"/>
      <c r="HJ56" s="8"/>
      <c r="HK56" s="8"/>
      <c r="HL56" s="8"/>
      <c r="HM56" s="8"/>
      <c r="HN56" s="8"/>
      <c r="HO56" s="8"/>
      <c r="HP56" s="8"/>
      <c r="HQ56" s="8"/>
      <c r="HR56" s="8"/>
      <c r="HS56" s="8"/>
      <c r="HT56" s="8"/>
      <c r="HU56" s="8"/>
      <c r="HV56" s="8"/>
      <c r="HW56" s="8"/>
      <c r="HX56" s="8"/>
      <c r="HY56" s="8"/>
      <c r="HZ56" s="8"/>
      <c r="IA56" s="8"/>
      <c r="IB56" s="8"/>
      <c r="IC56" s="8"/>
      <c r="ID56" s="8"/>
      <c r="IE56" s="8"/>
      <c r="IF56" s="8"/>
      <c r="IG56" s="8"/>
      <c r="IH56" s="8"/>
      <c r="II56" s="8"/>
      <c r="IJ56" s="8"/>
      <c r="IK56" s="8"/>
      <c r="IL56" s="8"/>
      <c r="IM56" s="8"/>
      <c r="IN56" s="8"/>
      <c r="IO56" s="8"/>
      <c r="IP56" s="8"/>
      <c r="IQ56" s="8"/>
      <c r="IR56" s="8"/>
      <c r="IS56" s="8"/>
      <c r="IT56" s="8"/>
      <c r="IU56" s="8"/>
      <c r="IV56" s="8"/>
    </row>
    <row r="57" spans="1:256" ht="15.6" x14ac:dyDescent="0.3">
      <c r="A57" s="6"/>
      <c r="B57" s="6"/>
      <c r="E57" s="6"/>
      <c r="F57" s="6"/>
      <c r="G57" s="6"/>
      <c r="H57" s="6"/>
      <c r="I57" s="6"/>
      <c r="J57" s="6"/>
      <c r="K57" s="6"/>
      <c r="L57" s="6"/>
      <c r="M57" s="6"/>
      <c r="P57" s="6"/>
      <c r="Q57" s="6"/>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8"/>
      <c r="BU57" s="8"/>
      <c r="BV57" s="8"/>
      <c r="BW57" s="8"/>
      <c r="BX57" s="8"/>
      <c r="BY57" s="8"/>
      <c r="BZ57" s="8"/>
      <c r="CA57" s="8"/>
      <c r="CB57" s="8"/>
      <c r="CC57" s="8"/>
      <c r="CD57" s="8"/>
      <c r="CE57" s="8"/>
      <c r="CF57" s="8"/>
      <c r="CG57" s="8"/>
      <c r="CH57" s="8"/>
      <c r="CI57" s="8"/>
      <c r="CJ57" s="8"/>
      <c r="CK57" s="8"/>
      <c r="CL57" s="8"/>
      <c r="CM57" s="8"/>
      <c r="CN57" s="8"/>
      <c r="CO57" s="8"/>
      <c r="CP57" s="8"/>
      <c r="CQ57" s="8"/>
      <c r="CR57" s="8"/>
      <c r="CS57" s="8"/>
      <c r="CT57" s="8"/>
      <c r="CU57" s="8"/>
      <c r="CV57" s="8"/>
      <c r="CW57" s="8"/>
      <c r="CX57" s="8"/>
      <c r="CY57" s="8"/>
      <c r="CZ57" s="8"/>
      <c r="DA57" s="8"/>
      <c r="DB57" s="8"/>
      <c r="DC57" s="8"/>
      <c r="DD57" s="8"/>
      <c r="DE57" s="8"/>
      <c r="DF57" s="8"/>
      <c r="DG57" s="8"/>
      <c r="DH57" s="8"/>
      <c r="DI57" s="8"/>
      <c r="DJ57" s="8"/>
      <c r="DK57" s="8"/>
      <c r="DL57" s="8"/>
      <c r="DM57" s="8"/>
      <c r="DN57" s="8"/>
      <c r="DO57" s="8"/>
      <c r="DP57" s="8"/>
      <c r="DQ57" s="8"/>
      <c r="DR57" s="8"/>
      <c r="DS57" s="8"/>
      <c r="DT57" s="8"/>
      <c r="DU57" s="8"/>
      <c r="DV57" s="8"/>
      <c r="DW57" s="8"/>
      <c r="DX57" s="8"/>
      <c r="DY57" s="8"/>
      <c r="DZ57" s="8"/>
      <c r="EA57" s="8"/>
      <c r="EB57" s="8"/>
      <c r="EC57" s="8"/>
      <c r="ED57" s="8"/>
      <c r="EE57" s="8"/>
      <c r="EF57" s="8"/>
      <c r="EG57" s="8"/>
      <c r="EH57" s="8"/>
      <c r="EI57" s="8"/>
      <c r="EJ57" s="8"/>
      <c r="EK57" s="8"/>
      <c r="EL57" s="8"/>
      <c r="EM57" s="8"/>
      <c r="EN57" s="8"/>
      <c r="EO57" s="8"/>
      <c r="EP57" s="8"/>
      <c r="EQ57" s="8"/>
      <c r="ER57" s="8"/>
      <c r="ES57" s="8"/>
      <c r="ET57" s="8"/>
      <c r="EU57" s="8"/>
      <c r="EV57" s="8"/>
      <c r="EW57" s="8"/>
      <c r="EX57" s="8"/>
      <c r="EY57" s="8"/>
      <c r="EZ57" s="8"/>
      <c r="FA57" s="8"/>
      <c r="FB57" s="8"/>
      <c r="FC57" s="8"/>
      <c r="FD57" s="8"/>
      <c r="FE57" s="8"/>
      <c r="FF57" s="8"/>
      <c r="FG57" s="8"/>
      <c r="FH57" s="8"/>
      <c r="FI57" s="8"/>
      <c r="FJ57" s="8"/>
      <c r="FK57" s="8"/>
      <c r="FL57" s="8"/>
      <c r="FM57" s="8"/>
      <c r="FN57" s="8"/>
      <c r="FO57" s="8"/>
      <c r="FP57" s="8"/>
      <c r="FQ57" s="8"/>
      <c r="FR57" s="8"/>
      <c r="FS57" s="8"/>
      <c r="FT57" s="8"/>
      <c r="FU57" s="8"/>
      <c r="FV57" s="8"/>
      <c r="FW57" s="8"/>
      <c r="FX57" s="8"/>
      <c r="FY57" s="8"/>
      <c r="FZ57" s="8"/>
      <c r="GA57" s="8"/>
      <c r="GB57" s="8"/>
      <c r="GC57" s="8"/>
      <c r="GD57" s="8"/>
      <c r="GE57" s="8"/>
      <c r="GF57" s="8"/>
      <c r="GG57" s="8"/>
      <c r="GH57" s="8"/>
      <c r="GI57" s="8"/>
      <c r="GJ57" s="8"/>
      <c r="GK57" s="8"/>
      <c r="GL57" s="8"/>
      <c r="GM57" s="8"/>
      <c r="GN57" s="8"/>
      <c r="GO57" s="8"/>
      <c r="GP57" s="8"/>
      <c r="GQ57" s="8"/>
      <c r="GR57" s="8"/>
      <c r="GS57" s="8"/>
      <c r="GT57" s="8"/>
      <c r="GU57" s="8"/>
      <c r="GV57" s="8"/>
      <c r="GW57" s="8"/>
      <c r="GX57" s="8"/>
      <c r="GY57" s="8"/>
      <c r="GZ57" s="8"/>
      <c r="HA57" s="8"/>
      <c r="HB57" s="8"/>
      <c r="HC57" s="8"/>
      <c r="HD57" s="8"/>
      <c r="HE57" s="8"/>
      <c r="HF57" s="8"/>
      <c r="HG57" s="8"/>
      <c r="HH57" s="8"/>
      <c r="HI57" s="8"/>
      <c r="HJ57" s="8"/>
      <c r="HK57" s="8"/>
      <c r="HL57" s="8"/>
      <c r="HM57" s="8"/>
      <c r="HN57" s="8"/>
      <c r="HO57" s="8"/>
      <c r="HP57" s="8"/>
      <c r="HQ57" s="8"/>
      <c r="HR57" s="8"/>
      <c r="HS57" s="8"/>
      <c r="HT57" s="8"/>
      <c r="HU57" s="8"/>
      <c r="HV57" s="8"/>
      <c r="HW57" s="8"/>
      <c r="HX57" s="8"/>
      <c r="HY57" s="8"/>
      <c r="HZ57" s="8"/>
      <c r="IA57" s="8"/>
      <c r="IB57" s="8"/>
      <c r="IC57" s="8"/>
      <c r="ID57" s="8"/>
      <c r="IE57" s="8"/>
      <c r="IF57" s="8"/>
      <c r="IG57" s="8"/>
      <c r="IH57" s="8"/>
      <c r="II57" s="8"/>
      <c r="IJ57" s="8"/>
      <c r="IK57" s="8"/>
      <c r="IL57" s="8"/>
      <c r="IM57" s="8"/>
      <c r="IN57" s="8"/>
      <c r="IO57" s="8"/>
      <c r="IP57" s="8"/>
      <c r="IQ57" s="8"/>
      <c r="IR57" s="8"/>
      <c r="IS57" s="8"/>
      <c r="IT57" s="8"/>
      <c r="IU57" s="8"/>
      <c r="IV57" s="8"/>
    </row>
    <row r="58" spans="1:256" ht="37.5" customHeight="1" x14ac:dyDescent="0.3">
      <c r="A58" s="6"/>
      <c r="B58" s="6"/>
      <c r="E58" s="6"/>
      <c r="F58" s="6"/>
      <c r="G58" s="6"/>
      <c r="H58" s="6"/>
      <c r="I58" s="6"/>
      <c r="J58" s="6"/>
      <c r="K58" s="6"/>
      <c r="L58" s="6"/>
      <c r="M58" s="6"/>
      <c r="P58" s="6"/>
      <c r="Q58" s="6"/>
    </row>
  </sheetData>
  <mergeCells count="5">
    <mergeCell ref="B8:C8"/>
    <mergeCell ref="B9:C9"/>
    <mergeCell ref="B10:C10"/>
    <mergeCell ref="B13:C13"/>
    <mergeCell ref="B14:C14"/>
  </mergeCells>
  <pageMargins left="0.7" right="0.7" top="0.75" bottom="0.75" header="0.3" footer="0.3"/>
  <pageSetup paperSize="9" orientation="portrait" horizontalDpi="300" r:id="rId1"/>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Q220"/>
  <sheetViews>
    <sheetView tabSelected="1" zoomScale="85" zoomScaleNormal="85" workbookViewId="0">
      <pane xSplit="1" ySplit="1" topLeftCell="B171" activePane="bottomRight" state="frozen"/>
      <selection pane="topRight" activeCell="B1" sqref="B1"/>
      <selection pane="bottomLeft" activeCell="A2" sqref="A2"/>
      <selection pane="bottomRight" activeCell="B189" sqref="B189"/>
    </sheetView>
  </sheetViews>
  <sheetFormatPr defaultColWidth="115.44140625" defaultRowHeight="14.4" x14ac:dyDescent="0.3"/>
  <cols>
    <col min="1" max="1" width="28.33203125" style="26" bestFit="1" customWidth="1"/>
    <col min="2" max="2" width="86" style="26" bestFit="1" customWidth="1"/>
    <col min="3" max="3" width="85.77734375" style="24" customWidth="1"/>
    <col min="4" max="4" width="10.109375" style="26" bestFit="1" customWidth="1"/>
    <col min="5" max="5" width="6.88671875" style="26" bestFit="1" customWidth="1"/>
    <col min="6" max="6" width="69.88671875" style="26" customWidth="1"/>
    <col min="7" max="7" width="7.6640625" style="26" bestFit="1" customWidth="1"/>
    <col min="8" max="8" width="59.5546875" style="27" customWidth="1"/>
    <col min="9" max="9" width="11.33203125" style="27" bestFit="1" customWidth="1"/>
    <col min="10" max="10" width="68.33203125" style="29" customWidth="1"/>
    <col min="11" max="11" width="65.88671875" style="29" customWidth="1"/>
    <col min="12" max="12" width="81" style="29" customWidth="1"/>
    <col min="13" max="13" width="88.109375" style="26" customWidth="1"/>
    <col min="14" max="14" width="64.44140625" style="24" customWidth="1"/>
    <col min="15" max="15" width="71.44140625" style="24" bestFit="1" customWidth="1"/>
    <col min="16" max="16" width="255.6640625" style="26" bestFit="1" customWidth="1"/>
    <col min="17" max="16384" width="115.44140625" style="26"/>
  </cols>
  <sheetData>
    <row r="1" spans="1:17" x14ac:dyDescent="0.3">
      <c r="A1" s="24" t="s">
        <v>254</v>
      </c>
      <c r="B1" s="24" t="s">
        <v>1360</v>
      </c>
      <c r="C1" s="24" t="s">
        <v>1361</v>
      </c>
      <c r="D1" s="24" t="s">
        <v>124</v>
      </c>
      <c r="E1" s="24" t="s">
        <v>142</v>
      </c>
      <c r="F1" s="24" t="s">
        <v>0</v>
      </c>
      <c r="G1" s="24" t="s">
        <v>141</v>
      </c>
      <c r="H1" s="24" t="s">
        <v>1</v>
      </c>
      <c r="I1" s="24" t="s">
        <v>134</v>
      </c>
      <c r="J1" s="30" t="s">
        <v>256</v>
      </c>
      <c r="K1" s="30" t="s">
        <v>352</v>
      </c>
      <c r="L1" s="30" t="s">
        <v>1362</v>
      </c>
      <c r="M1" s="24" t="s">
        <v>353</v>
      </c>
      <c r="N1" s="24" t="s">
        <v>1358</v>
      </c>
      <c r="O1" s="24" t="s">
        <v>1359</v>
      </c>
      <c r="P1" s="24" t="s">
        <v>1377</v>
      </c>
      <c r="Q1" s="24"/>
    </row>
    <row r="2" spans="1:17" s="25" customFormat="1" x14ac:dyDescent="0.3">
      <c r="A2" s="25" t="s">
        <v>255</v>
      </c>
      <c r="B2" s="25" t="s">
        <v>514</v>
      </c>
      <c r="C2" s="25" t="s">
        <v>278</v>
      </c>
      <c r="D2" s="25" t="s">
        <v>122</v>
      </c>
      <c r="E2" s="25" t="s">
        <v>82</v>
      </c>
      <c r="F2" s="25" t="s">
        <v>2</v>
      </c>
      <c r="G2" s="25" t="s">
        <v>83</v>
      </c>
      <c r="H2" s="25" t="s">
        <v>3</v>
      </c>
      <c r="J2" s="31" t="s">
        <v>190</v>
      </c>
      <c r="K2" s="31" t="s">
        <v>278</v>
      </c>
      <c r="L2" s="31" t="s">
        <v>318</v>
      </c>
      <c r="M2" s="63" t="s">
        <v>1411</v>
      </c>
      <c r="N2" s="25" t="s">
        <v>61</v>
      </c>
      <c r="O2" s="25" t="s">
        <v>233</v>
      </c>
      <c r="P2" s="25" t="s">
        <v>151</v>
      </c>
    </row>
    <row r="3" spans="1:17" s="25" customFormat="1" x14ac:dyDescent="0.3">
      <c r="A3" s="25" t="s">
        <v>1471</v>
      </c>
      <c r="B3" s="25" t="s">
        <v>515</v>
      </c>
      <c r="C3" s="25" t="s">
        <v>268</v>
      </c>
      <c r="D3" s="25" t="s">
        <v>121</v>
      </c>
      <c r="E3" s="25" t="s">
        <v>82</v>
      </c>
      <c r="F3" s="25" t="s">
        <v>9</v>
      </c>
      <c r="G3" s="25" t="s">
        <v>83</v>
      </c>
      <c r="H3" s="25" t="s">
        <v>10</v>
      </c>
      <c r="J3" s="31" t="s">
        <v>194</v>
      </c>
      <c r="K3" s="31" t="s">
        <v>268</v>
      </c>
      <c r="L3" s="31" t="s">
        <v>319</v>
      </c>
      <c r="M3" s="63" t="s">
        <v>1411</v>
      </c>
      <c r="N3" s="25" t="s">
        <v>64</v>
      </c>
      <c r="O3" s="25" t="s">
        <v>170</v>
      </c>
      <c r="P3" s="25" t="s">
        <v>151</v>
      </c>
    </row>
    <row r="4" spans="1:17" s="25" customFormat="1" x14ac:dyDescent="0.3">
      <c r="A4" s="25" t="s">
        <v>1471</v>
      </c>
      <c r="B4" s="25" t="s">
        <v>516</v>
      </c>
      <c r="C4" s="25" t="s">
        <v>279</v>
      </c>
      <c r="D4" s="25" t="s">
        <v>121</v>
      </c>
      <c r="E4" s="25" t="s">
        <v>82</v>
      </c>
      <c r="F4" s="25" t="s">
        <v>6</v>
      </c>
      <c r="G4" s="25" t="s">
        <v>83</v>
      </c>
      <c r="H4" s="25" t="s">
        <v>7</v>
      </c>
      <c r="J4" s="31" t="s">
        <v>193</v>
      </c>
      <c r="K4" s="31" t="s">
        <v>279</v>
      </c>
      <c r="L4" s="31" t="s">
        <v>320</v>
      </c>
      <c r="M4" s="63" t="s">
        <v>1411</v>
      </c>
      <c r="N4" s="25" t="s">
        <v>62</v>
      </c>
      <c r="O4" s="25" t="s">
        <v>169</v>
      </c>
      <c r="P4" s="25" t="s">
        <v>151</v>
      </c>
    </row>
    <row r="5" spans="1:17" s="25" customFormat="1" x14ac:dyDescent="0.3">
      <c r="A5" s="25" t="s">
        <v>1471</v>
      </c>
      <c r="B5" s="25" t="s">
        <v>517</v>
      </c>
      <c r="C5" s="25" t="s">
        <v>267</v>
      </c>
      <c r="D5" s="25" t="s">
        <v>121</v>
      </c>
      <c r="E5" s="25" t="s">
        <v>82</v>
      </c>
      <c r="F5" s="25" t="s">
        <v>8</v>
      </c>
      <c r="G5" s="25" t="s">
        <v>83</v>
      </c>
      <c r="H5" s="25" t="s">
        <v>7</v>
      </c>
      <c r="J5" s="31" t="s">
        <v>194</v>
      </c>
      <c r="K5" s="31" t="s">
        <v>267</v>
      </c>
      <c r="L5" s="31" t="s">
        <v>321</v>
      </c>
      <c r="M5" s="63" t="s">
        <v>1411</v>
      </c>
      <c r="N5" s="25" t="s">
        <v>63</v>
      </c>
      <c r="O5" s="25" t="s">
        <v>171</v>
      </c>
      <c r="P5" s="25" t="s">
        <v>151</v>
      </c>
    </row>
    <row r="6" spans="1:17" s="25" customFormat="1" x14ac:dyDescent="0.3">
      <c r="A6" s="25" t="s">
        <v>1477</v>
      </c>
      <c r="B6" s="25" t="s">
        <v>424</v>
      </c>
      <c r="C6" s="25" t="s">
        <v>280</v>
      </c>
      <c r="D6" s="25" t="s">
        <v>122</v>
      </c>
      <c r="E6" s="25" t="s">
        <v>82</v>
      </c>
      <c r="F6" s="25" t="s">
        <v>20</v>
      </c>
      <c r="G6" s="25" t="s">
        <v>83</v>
      </c>
      <c r="H6" s="25" t="s">
        <v>3</v>
      </c>
      <c r="J6" s="31" t="s">
        <v>316</v>
      </c>
      <c r="K6" s="31" t="s">
        <v>280</v>
      </c>
      <c r="L6" s="31" t="s">
        <v>322</v>
      </c>
      <c r="M6" s="63" t="s">
        <v>1411</v>
      </c>
      <c r="N6" s="25" t="s">
        <v>1317</v>
      </c>
      <c r="O6" s="25" t="s">
        <v>178</v>
      </c>
      <c r="P6" s="25" t="s">
        <v>151</v>
      </c>
    </row>
    <row r="7" spans="1:17" s="25" customFormat="1" x14ac:dyDescent="0.3">
      <c r="A7" s="25" t="s">
        <v>257</v>
      </c>
      <c r="B7" s="25" t="s">
        <v>518</v>
      </c>
      <c r="C7" s="25" t="s">
        <v>281</v>
      </c>
      <c r="D7" s="25" t="s">
        <v>121</v>
      </c>
      <c r="E7" s="25" t="s">
        <v>82</v>
      </c>
      <c r="F7" s="25" t="s">
        <v>13</v>
      </c>
      <c r="G7" s="25" t="s">
        <v>83</v>
      </c>
      <c r="H7" s="25" t="s">
        <v>3</v>
      </c>
      <c r="J7" s="31" t="s">
        <v>264</v>
      </c>
      <c r="K7" s="31" t="s">
        <v>281</v>
      </c>
      <c r="L7" s="31" t="s">
        <v>323</v>
      </c>
      <c r="M7" s="63" t="s">
        <v>1411</v>
      </c>
      <c r="N7" s="25" t="s">
        <v>755</v>
      </c>
      <c r="O7" s="25" t="s">
        <v>173</v>
      </c>
      <c r="P7" s="25" t="s">
        <v>151</v>
      </c>
    </row>
    <row r="8" spans="1:17" s="25" customFormat="1" x14ac:dyDescent="0.3">
      <c r="A8" s="25" t="s">
        <v>257</v>
      </c>
      <c r="B8" s="25" t="s">
        <v>519</v>
      </c>
      <c r="C8" s="25" t="s">
        <v>282</v>
      </c>
      <c r="D8" s="25" t="s">
        <v>121</v>
      </c>
      <c r="E8" s="25" t="s">
        <v>82</v>
      </c>
      <c r="F8" s="25" t="s">
        <v>14</v>
      </c>
      <c r="G8" s="25" t="s">
        <v>83</v>
      </c>
      <c r="H8" s="25" t="s">
        <v>3</v>
      </c>
      <c r="J8" s="31" t="s">
        <v>265</v>
      </c>
      <c r="K8" s="31" t="s">
        <v>282</v>
      </c>
      <c r="L8" s="31" t="s">
        <v>324</v>
      </c>
      <c r="M8" s="63" t="s">
        <v>1411</v>
      </c>
      <c r="N8" s="25" t="s">
        <v>65</v>
      </c>
      <c r="O8" s="25" t="s">
        <v>172</v>
      </c>
      <c r="P8" s="25" t="s">
        <v>151</v>
      </c>
    </row>
    <row r="9" spans="1:17" s="25" customFormat="1" x14ac:dyDescent="0.3">
      <c r="A9" s="25" t="s">
        <v>257</v>
      </c>
      <c r="B9" s="25" t="s">
        <v>520</v>
      </c>
      <c r="C9" s="25" t="s">
        <v>283</v>
      </c>
      <c r="D9" s="25" t="s">
        <v>121</v>
      </c>
      <c r="E9" s="25" t="s">
        <v>82</v>
      </c>
      <c r="F9" s="25" t="s">
        <v>15</v>
      </c>
      <c r="G9" s="25" t="s">
        <v>83</v>
      </c>
      <c r="H9" s="25" t="s">
        <v>3</v>
      </c>
      <c r="J9" s="31" t="s">
        <v>265</v>
      </c>
      <c r="K9" s="31" t="s">
        <v>283</v>
      </c>
      <c r="L9" s="31" t="s">
        <v>325</v>
      </c>
      <c r="M9" s="63" t="s">
        <v>1411</v>
      </c>
      <c r="N9" s="25" t="s">
        <v>66</v>
      </c>
      <c r="O9" s="25" t="s">
        <v>174</v>
      </c>
      <c r="P9" s="25" t="s">
        <v>151</v>
      </c>
    </row>
    <row r="10" spans="1:17" s="25" customFormat="1" x14ac:dyDescent="0.3">
      <c r="A10" s="25" t="s">
        <v>258</v>
      </c>
      <c r="B10" s="25" t="s">
        <v>523</v>
      </c>
      <c r="C10" s="25" t="s">
        <v>284</v>
      </c>
      <c r="D10" s="25" t="s">
        <v>122</v>
      </c>
      <c r="E10" s="25" t="s">
        <v>82</v>
      </c>
      <c r="F10" s="25" t="s">
        <v>120</v>
      </c>
      <c r="G10" s="25" t="s">
        <v>83</v>
      </c>
      <c r="H10" s="25" t="s">
        <v>119</v>
      </c>
      <c r="J10" s="31" t="s">
        <v>198</v>
      </c>
      <c r="K10" s="31" t="s">
        <v>284</v>
      </c>
      <c r="L10" s="31" t="s">
        <v>326</v>
      </c>
      <c r="M10" s="25" t="s">
        <v>1381</v>
      </c>
      <c r="N10" s="25" t="s">
        <v>151</v>
      </c>
      <c r="O10" s="25" t="s">
        <v>177</v>
      </c>
      <c r="P10" s="25" t="s">
        <v>151</v>
      </c>
    </row>
    <row r="11" spans="1:17" s="25" customFormat="1" x14ac:dyDescent="0.3">
      <c r="A11" s="25" t="s">
        <v>258</v>
      </c>
      <c r="B11" s="25" t="s">
        <v>522</v>
      </c>
      <c r="C11" s="25" t="s">
        <v>285</v>
      </c>
      <c r="D11" s="25" t="s">
        <v>121</v>
      </c>
      <c r="E11" s="25" t="s">
        <v>82</v>
      </c>
      <c r="F11" s="25" t="s">
        <v>16</v>
      </c>
      <c r="G11" s="25" t="s">
        <v>83</v>
      </c>
      <c r="H11" s="25" t="s">
        <v>3</v>
      </c>
      <c r="I11" s="25">
        <v>1608</v>
      </c>
      <c r="J11" s="31" t="s">
        <v>197</v>
      </c>
      <c r="K11" s="31" t="s">
        <v>285</v>
      </c>
      <c r="L11" s="31" t="s">
        <v>339</v>
      </c>
      <c r="M11" s="63" t="s">
        <v>1411</v>
      </c>
      <c r="N11" s="25" t="s">
        <v>67</v>
      </c>
      <c r="O11" s="25" t="s">
        <v>175</v>
      </c>
      <c r="P11" s="25" t="s">
        <v>151</v>
      </c>
    </row>
    <row r="12" spans="1:17" s="25" customFormat="1" x14ac:dyDescent="0.3">
      <c r="A12" s="25" t="s">
        <v>258</v>
      </c>
      <c r="B12" s="25" t="s">
        <v>521</v>
      </c>
      <c r="C12" s="25" t="s">
        <v>286</v>
      </c>
      <c r="D12" s="25" t="s">
        <v>121</v>
      </c>
      <c r="E12" s="25" t="s">
        <v>82</v>
      </c>
      <c r="F12" s="25" t="s">
        <v>17</v>
      </c>
      <c r="G12" s="25" t="s">
        <v>83</v>
      </c>
      <c r="H12" s="25" t="s">
        <v>3</v>
      </c>
      <c r="I12" s="25">
        <v>1608</v>
      </c>
      <c r="J12" s="31" t="s">
        <v>198</v>
      </c>
      <c r="K12" s="31" t="s">
        <v>286</v>
      </c>
      <c r="L12" s="31" t="s">
        <v>327</v>
      </c>
      <c r="M12" s="63" t="s">
        <v>1411</v>
      </c>
      <c r="N12" s="25" t="s">
        <v>68</v>
      </c>
      <c r="O12" s="25" t="s">
        <v>176</v>
      </c>
      <c r="P12" s="25" t="s">
        <v>151</v>
      </c>
    </row>
    <row r="13" spans="1:17" s="25" customFormat="1" x14ac:dyDescent="0.3">
      <c r="A13" s="25" t="s">
        <v>707</v>
      </c>
      <c r="B13" s="25" t="s">
        <v>524</v>
      </c>
      <c r="C13" s="25" t="s">
        <v>287</v>
      </c>
      <c r="D13" s="25" t="s">
        <v>121</v>
      </c>
      <c r="E13" s="25" t="s">
        <v>82</v>
      </c>
      <c r="F13" s="25" t="s">
        <v>21</v>
      </c>
      <c r="G13" s="25" t="s">
        <v>83</v>
      </c>
      <c r="H13" s="25" t="s">
        <v>3</v>
      </c>
      <c r="J13" s="31" t="s">
        <v>275</v>
      </c>
      <c r="K13" s="31" t="s">
        <v>287</v>
      </c>
      <c r="L13" s="31" t="s">
        <v>328</v>
      </c>
      <c r="M13" s="63" t="s">
        <v>1411</v>
      </c>
      <c r="N13" s="25" t="s">
        <v>69</v>
      </c>
      <c r="O13" s="25" t="s">
        <v>179</v>
      </c>
      <c r="P13" s="25" t="s">
        <v>151</v>
      </c>
    </row>
    <row r="14" spans="1:17" s="25" customFormat="1" x14ac:dyDescent="0.3">
      <c r="A14" s="25" t="s">
        <v>1471</v>
      </c>
      <c r="B14" s="25" t="s">
        <v>474</v>
      </c>
      <c r="C14" s="25" t="s">
        <v>305</v>
      </c>
      <c r="D14" s="25" t="s">
        <v>121</v>
      </c>
      <c r="E14" s="25" t="s">
        <v>82</v>
      </c>
      <c r="F14" s="25" t="s">
        <v>85</v>
      </c>
      <c r="G14" s="25" t="s">
        <v>747</v>
      </c>
      <c r="H14" s="25" t="s">
        <v>86</v>
      </c>
      <c r="J14" s="31" t="s">
        <v>315</v>
      </c>
      <c r="K14" s="31" t="s">
        <v>303</v>
      </c>
      <c r="L14" s="31" t="s">
        <v>329</v>
      </c>
      <c r="M14" s="25" t="s">
        <v>1411</v>
      </c>
      <c r="N14" s="25" t="s">
        <v>84</v>
      </c>
      <c r="O14" s="25" t="s">
        <v>155</v>
      </c>
      <c r="P14" s="25" t="s">
        <v>151</v>
      </c>
    </row>
    <row r="15" spans="1:17" s="25" customFormat="1" x14ac:dyDescent="0.3">
      <c r="A15" s="25" t="s">
        <v>1471</v>
      </c>
      <c r="B15" s="25" t="s">
        <v>475</v>
      </c>
      <c r="C15" s="25" t="s">
        <v>305</v>
      </c>
      <c r="D15" s="25" t="s">
        <v>121</v>
      </c>
      <c r="E15" s="25" t="s">
        <v>82</v>
      </c>
      <c r="F15" s="25" t="s">
        <v>90</v>
      </c>
      <c r="G15" s="25" t="s">
        <v>747</v>
      </c>
      <c r="H15" s="25" t="s">
        <v>91</v>
      </c>
      <c r="J15" s="31" t="s">
        <v>315</v>
      </c>
      <c r="K15" s="31" t="s">
        <v>304</v>
      </c>
      <c r="L15" s="31" t="s">
        <v>330</v>
      </c>
      <c r="M15" s="25" t="s">
        <v>1411</v>
      </c>
      <c r="N15" s="25" t="s">
        <v>1830</v>
      </c>
      <c r="O15" s="25" t="s">
        <v>154</v>
      </c>
      <c r="P15" s="25" t="s">
        <v>151</v>
      </c>
    </row>
    <row r="16" spans="1:17" s="25" customFormat="1" x14ac:dyDescent="0.3">
      <c r="A16" s="25" t="s">
        <v>1471</v>
      </c>
      <c r="B16" s="25" t="s">
        <v>476</v>
      </c>
      <c r="C16" s="25" t="s">
        <v>305</v>
      </c>
      <c r="D16" s="25" t="s">
        <v>121</v>
      </c>
      <c r="E16" s="25" t="s">
        <v>82</v>
      </c>
      <c r="F16" s="25" t="s">
        <v>88</v>
      </c>
      <c r="G16" s="25" t="s">
        <v>747</v>
      </c>
      <c r="H16" s="25" t="s">
        <v>89</v>
      </c>
      <c r="J16" s="31" t="s">
        <v>315</v>
      </c>
      <c r="K16" s="31" t="s">
        <v>305</v>
      </c>
      <c r="L16" s="31" t="s">
        <v>331</v>
      </c>
      <c r="M16" s="25" t="s">
        <v>1411</v>
      </c>
      <c r="N16" s="25" t="s">
        <v>87</v>
      </c>
      <c r="O16" s="25" t="s">
        <v>180</v>
      </c>
      <c r="P16" s="25" t="s">
        <v>151</v>
      </c>
    </row>
    <row r="17" spans="1:16" s="25" customFormat="1" x14ac:dyDescent="0.3">
      <c r="A17" s="25" t="s">
        <v>258</v>
      </c>
      <c r="B17" s="25" t="s">
        <v>439</v>
      </c>
      <c r="C17" s="25" t="s">
        <v>500</v>
      </c>
      <c r="D17" s="25" t="s">
        <v>122</v>
      </c>
      <c r="E17" s="25" t="s">
        <v>82</v>
      </c>
      <c r="F17" s="25" t="s">
        <v>93</v>
      </c>
      <c r="G17" s="25" t="s">
        <v>747</v>
      </c>
      <c r="H17" s="25" t="s">
        <v>94</v>
      </c>
      <c r="J17" s="31" t="s">
        <v>153</v>
      </c>
      <c r="K17" s="31" t="s">
        <v>306</v>
      </c>
      <c r="L17" s="31" t="s">
        <v>502</v>
      </c>
      <c r="M17" s="63" t="s">
        <v>1422</v>
      </c>
      <c r="N17" s="25" t="s">
        <v>92</v>
      </c>
      <c r="O17" s="25" t="s">
        <v>503</v>
      </c>
      <c r="P17" s="25" t="s">
        <v>151</v>
      </c>
    </row>
    <row r="18" spans="1:16" s="25" customFormat="1" x14ac:dyDescent="0.3">
      <c r="A18" s="25" t="s">
        <v>707</v>
      </c>
      <c r="B18" s="25" t="s">
        <v>685</v>
      </c>
      <c r="C18" s="25" t="s">
        <v>689</v>
      </c>
      <c r="D18" s="25" t="s">
        <v>367</v>
      </c>
      <c r="E18" s="25" t="s">
        <v>82</v>
      </c>
      <c r="F18" s="25" t="s">
        <v>99</v>
      </c>
      <c r="G18" s="25" t="s">
        <v>747</v>
      </c>
      <c r="H18" s="25" t="s">
        <v>368</v>
      </c>
      <c r="J18" s="31" t="s">
        <v>689</v>
      </c>
      <c r="K18" s="31" t="s">
        <v>685</v>
      </c>
      <c r="L18" s="31" t="s">
        <v>369</v>
      </c>
      <c r="M18" s="25" t="s">
        <v>1411</v>
      </c>
      <c r="N18" s="25" t="s">
        <v>370</v>
      </c>
      <c r="O18" s="25" t="s">
        <v>371</v>
      </c>
      <c r="P18" s="25" t="s">
        <v>151</v>
      </c>
    </row>
    <row r="19" spans="1:16" s="25" customFormat="1" x14ac:dyDescent="0.3">
      <c r="A19" s="25" t="s">
        <v>1477</v>
      </c>
      <c r="B19" s="25" t="s">
        <v>748</v>
      </c>
      <c r="C19" s="25" t="s">
        <v>750</v>
      </c>
      <c r="D19" s="25" t="s">
        <v>121</v>
      </c>
      <c r="E19" s="25" t="s">
        <v>82</v>
      </c>
      <c r="F19" s="25" t="s">
        <v>135</v>
      </c>
      <c r="G19" s="25" t="s">
        <v>747</v>
      </c>
      <c r="H19" s="25" t="s">
        <v>136</v>
      </c>
      <c r="J19" s="25" t="s">
        <v>750</v>
      </c>
      <c r="K19" s="25" t="s">
        <v>748</v>
      </c>
      <c r="L19" s="31" t="s">
        <v>332</v>
      </c>
      <c r="M19" s="63" t="s">
        <v>1457</v>
      </c>
      <c r="N19" s="25" t="s">
        <v>151</v>
      </c>
      <c r="O19" s="25" t="s">
        <v>183</v>
      </c>
      <c r="P19" s="25" t="s">
        <v>151</v>
      </c>
    </row>
    <row r="20" spans="1:16" s="25" customFormat="1" x14ac:dyDescent="0.3">
      <c r="A20" s="25" t="s">
        <v>1477</v>
      </c>
      <c r="B20" s="25" t="s">
        <v>749</v>
      </c>
      <c r="C20" s="25" t="s">
        <v>750</v>
      </c>
      <c r="D20" s="25" t="s">
        <v>121</v>
      </c>
      <c r="E20" s="25" t="s">
        <v>82</v>
      </c>
      <c r="F20" s="25" t="s">
        <v>137</v>
      </c>
      <c r="G20" s="25" t="s">
        <v>747</v>
      </c>
      <c r="H20" s="25" t="s">
        <v>138</v>
      </c>
      <c r="J20" s="25" t="s">
        <v>750</v>
      </c>
      <c r="K20" s="25" t="s">
        <v>749</v>
      </c>
      <c r="L20" s="31" t="s">
        <v>333</v>
      </c>
      <c r="M20" s="63" t="s">
        <v>1459</v>
      </c>
      <c r="N20" s="25" t="s">
        <v>151</v>
      </c>
      <c r="O20" s="25" t="s">
        <v>182</v>
      </c>
      <c r="P20" s="25" t="s">
        <v>151</v>
      </c>
    </row>
    <row r="21" spans="1:16" s="25" customFormat="1" x14ac:dyDescent="0.3">
      <c r="A21" s="25" t="s">
        <v>258</v>
      </c>
      <c r="B21" s="25" t="s">
        <v>1333</v>
      </c>
      <c r="C21" s="25" t="s">
        <v>1334</v>
      </c>
      <c r="D21" s="25" t="s">
        <v>121</v>
      </c>
      <c r="E21" s="25" t="s">
        <v>82</v>
      </c>
      <c r="F21" s="25" t="s">
        <v>97</v>
      </c>
      <c r="G21" s="25" t="s">
        <v>747</v>
      </c>
      <c r="H21" s="25" t="s">
        <v>98</v>
      </c>
      <c r="J21" s="31" t="s">
        <v>1334</v>
      </c>
      <c r="K21" s="25" t="s">
        <v>1333</v>
      </c>
      <c r="L21" s="31" t="s">
        <v>334</v>
      </c>
      <c r="M21" s="63" t="s">
        <v>1460</v>
      </c>
      <c r="N21" s="25" t="s">
        <v>96</v>
      </c>
      <c r="O21" s="25" t="s">
        <v>184</v>
      </c>
      <c r="P21" s="25" t="s">
        <v>151</v>
      </c>
    </row>
    <row r="22" spans="1:16" s="25" customFormat="1" x14ac:dyDescent="0.3">
      <c r="A22" s="25" t="s">
        <v>258</v>
      </c>
      <c r="B22" s="25" t="s">
        <v>229</v>
      </c>
      <c r="C22" s="25" t="s">
        <v>288</v>
      </c>
      <c r="D22" s="25" t="s">
        <v>122</v>
      </c>
      <c r="E22" s="25" t="s">
        <v>83</v>
      </c>
      <c r="F22" s="25" t="s">
        <v>117</v>
      </c>
      <c r="G22" s="25" t="s">
        <v>82</v>
      </c>
      <c r="H22" s="25" t="s">
        <v>118</v>
      </c>
      <c r="J22" s="31" t="s">
        <v>197</v>
      </c>
      <c r="K22" s="31" t="s">
        <v>344</v>
      </c>
      <c r="L22" s="31" t="s">
        <v>550</v>
      </c>
      <c r="M22" s="63" t="s">
        <v>1443</v>
      </c>
      <c r="N22" s="25" t="s">
        <v>151</v>
      </c>
      <c r="O22" s="25" t="s">
        <v>230</v>
      </c>
      <c r="P22" s="25" t="s">
        <v>393</v>
      </c>
    </row>
    <row r="23" spans="1:16" s="25" customFormat="1" x14ac:dyDescent="0.3">
      <c r="A23" s="25" t="s">
        <v>257</v>
      </c>
      <c r="B23" s="25" t="s">
        <v>229</v>
      </c>
      <c r="C23" s="25" t="s">
        <v>288</v>
      </c>
      <c r="D23" s="25" t="s">
        <v>122</v>
      </c>
      <c r="E23" s="25" t="s">
        <v>83</v>
      </c>
      <c r="F23" s="25" t="s">
        <v>117</v>
      </c>
      <c r="G23" s="25" t="s">
        <v>82</v>
      </c>
      <c r="H23" s="25" t="s">
        <v>231</v>
      </c>
      <c r="J23" s="31" t="s">
        <v>265</v>
      </c>
      <c r="K23" s="31" t="s">
        <v>345</v>
      </c>
      <c r="L23" s="31" t="s">
        <v>550</v>
      </c>
      <c r="M23" s="25" t="s">
        <v>1444</v>
      </c>
      <c r="N23" s="25" t="s">
        <v>151</v>
      </c>
      <c r="O23" s="25" t="s">
        <v>230</v>
      </c>
      <c r="P23" s="25" t="s">
        <v>394</v>
      </c>
    </row>
    <row r="24" spans="1:16" s="25" customFormat="1" x14ac:dyDescent="0.3">
      <c r="A24" s="25" t="s">
        <v>259</v>
      </c>
      <c r="B24" s="25" t="s">
        <v>525</v>
      </c>
      <c r="C24" s="25" t="s">
        <v>289</v>
      </c>
      <c r="D24" s="25" t="s">
        <v>121</v>
      </c>
      <c r="E24" s="25" t="s">
        <v>83</v>
      </c>
      <c r="F24" s="25" t="s">
        <v>34</v>
      </c>
      <c r="G24" s="25" t="s">
        <v>82</v>
      </c>
      <c r="H24" s="25" t="s">
        <v>35</v>
      </c>
      <c r="I24" s="25">
        <v>1605</v>
      </c>
      <c r="J24" s="31" t="s">
        <v>196</v>
      </c>
      <c r="K24" s="31" t="s">
        <v>289</v>
      </c>
      <c r="L24" s="31" t="s">
        <v>565</v>
      </c>
      <c r="M24" s="25" t="s">
        <v>1425</v>
      </c>
      <c r="N24" s="25" t="s">
        <v>75</v>
      </c>
      <c r="O24" s="25" t="s">
        <v>742</v>
      </c>
      <c r="P24" s="25" t="s">
        <v>151</v>
      </c>
    </row>
    <row r="25" spans="1:16" s="25" customFormat="1" x14ac:dyDescent="0.3">
      <c r="A25" s="25" t="s">
        <v>260</v>
      </c>
      <c r="B25" s="25" t="s">
        <v>1296</v>
      </c>
      <c r="C25" s="25" t="s">
        <v>481</v>
      </c>
      <c r="D25" s="25" t="s">
        <v>366</v>
      </c>
      <c r="E25" s="25" t="s">
        <v>83</v>
      </c>
      <c r="F25" s="25" t="s">
        <v>39</v>
      </c>
      <c r="G25" s="25" t="s">
        <v>82</v>
      </c>
      <c r="H25" s="25" t="s">
        <v>365</v>
      </c>
      <c r="J25" s="31" t="s">
        <v>481</v>
      </c>
      <c r="K25" s="31" t="s">
        <v>757</v>
      </c>
      <c r="L25" s="31" t="s">
        <v>554</v>
      </c>
      <c r="M25" s="25" t="s">
        <v>1445</v>
      </c>
      <c r="N25" s="25" t="s">
        <v>76</v>
      </c>
      <c r="O25" s="25" t="s">
        <v>163</v>
      </c>
      <c r="P25" s="25" t="s">
        <v>151</v>
      </c>
    </row>
    <row r="26" spans="1:16" s="25" customFormat="1" x14ac:dyDescent="0.3">
      <c r="A26" s="25" t="s">
        <v>261</v>
      </c>
      <c r="B26" s="25" t="s">
        <v>487</v>
      </c>
      <c r="C26" s="25" t="s">
        <v>290</v>
      </c>
      <c r="D26" s="25" t="s">
        <v>121</v>
      </c>
      <c r="E26" s="25" t="s">
        <v>83</v>
      </c>
      <c r="F26" s="25" t="s">
        <v>47</v>
      </c>
      <c r="G26" s="25" t="s">
        <v>82</v>
      </c>
      <c r="H26" s="25" t="s">
        <v>48</v>
      </c>
      <c r="J26" s="31" t="s">
        <v>202</v>
      </c>
      <c r="K26" s="31" t="s">
        <v>290</v>
      </c>
      <c r="L26" s="31" t="s">
        <v>555</v>
      </c>
      <c r="M26" s="63" t="s">
        <v>1391</v>
      </c>
      <c r="N26" s="25" t="s">
        <v>46</v>
      </c>
      <c r="O26" s="25" t="s">
        <v>164</v>
      </c>
      <c r="P26" s="25" t="s">
        <v>151</v>
      </c>
    </row>
    <row r="27" spans="1:16" s="25" customFormat="1" x14ac:dyDescent="0.3">
      <c r="A27" s="25" t="s">
        <v>677</v>
      </c>
      <c r="B27" s="25" t="s">
        <v>526</v>
      </c>
      <c r="C27" s="25" t="s">
        <v>291</v>
      </c>
      <c r="D27" s="25" t="s">
        <v>121</v>
      </c>
      <c r="E27" s="25" t="s">
        <v>83</v>
      </c>
      <c r="F27" s="25" t="s">
        <v>52</v>
      </c>
      <c r="G27" s="25" t="s">
        <v>82</v>
      </c>
      <c r="H27" s="25" t="s">
        <v>53</v>
      </c>
      <c r="J27" s="31" t="s">
        <v>199</v>
      </c>
      <c r="K27" s="31" t="s">
        <v>291</v>
      </c>
      <c r="L27" s="31" t="s">
        <v>556</v>
      </c>
      <c r="M27" s="63" t="s">
        <v>1421</v>
      </c>
      <c r="N27" s="25" t="s">
        <v>51</v>
      </c>
      <c r="O27" s="25" t="s">
        <v>165</v>
      </c>
      <c r="P27" s="25" t="s">
        <v>151</v>
      </c>
    </row>
    <row r="28" spans="1:16" s="25" customFormat="1" x14ac:dyDescent="0.3">
      <c r="A28" s="25" t="s">
        <v>262</v>
      </c>
      <c r="B28" s="25" t="s">
        <v>527</v>
      </c>
      <c r="C28" s="25" t="s">
        <v>292</v>
      </c>
      <c r="D28" s="25" t="s">
        <v>121</v>
      </c>
      <c r="E28" s="25" t="s">
        <v>83</v>
      </c>
      <c r="F28" s="25" t="s">
        <v>59</v>
      </c>
      <c r="G28" s="25" t="s">
        <v>82</v>
      </c>
      <c r="H28" s="25" t="s">
        <v>60</v>
      </c>
      <c r="J28" s="31" t="s">
        <v>355</v>
      </c>
      <c r="K28" s="31" t="s">
        <v>356</v>
      </c>
      <c r="L28" s="31" t="s">
        <v>557</v>
      </c>
      <c r="M28" s="25" t="s">
        <v>1446</v>
      </c>
      <c r="N28" s="25" t="s">
        <v>58</v>
      </c>
      <c r="O28" s="25" t="s">
        <v>166</v>
      </c>
      <c r="P28" s="25" t="s">
        <v>151</v>
      </c>
    </row>
    <row r="29" spans="1:16" s="25" customFormat="1" x14ac:dyDescent="0.3">
      <c r="A29" s="25" t="s">
        <v>255</v>
      </c>
      <c r="B29" s="25" t="s">
        <v>1318</v>
      </c>
      <c r="C29" s="25" t="s">
        <v>293</v>
      </c>
      <c r="D29" s="25" t="s">
        <v>121</v>
      </c>
      <c r="E29" s="25" t="s">
        <v>83</v>
      </c>
      <c r="F29" s="25" t="s">
        <v>3</v>
      </c>
      <c r="G29" s="25" t="s">
        <v>82</v>
      </c>
      <c r="H29" s="25" t="s">
        <v>2</v>
      </c>
      <c r="J29" s="31" t="s">
        <v>190</v>
      </c>
      <c r="K29" s="31" t="s">
        <v>190</v>
      </c>
      <c r="L29" s="31" t="s">
        <v>558</v>
      </c>
      <c r="M29" s="25" t="s">
        <v>1447</v>
      </c>
      <c r="N29" s="25" t="s">
        <v>72</v>
      </c>
      <c r="O29" s="25" t="s">
        <v>162</v>
      </c>
      <c r="P29" s="25" t="s">
        <v>372</v>
      </c>
    </row>
    <row r="30" spans="1:16" s="25" customFormat="1" x14ac:dyDescent="0.3">
      <c r="A30" s="25" t="s">
        <v>255</v>
      </c>
      <c r="B30" s="25" t="s">
        <v>1318</v>
      </c>
      <c r="C30" s="25" t="s">
        <v>293</v>
      </c>
      <c r="D30" s="25" t="s">
        <v>122</v>
      </c>
      <c r="E30" s="25" t="s">
        <v>83</v>
      </c>
      <c r="F30" s="25" t="s">
        <v>3</v>
      </c>
      <c r="G30" s="25" t="s">
        <v>82</v>
      </c>
      <c r="H30" s="25" t="s">
        <v>30</v>
      </c>
      <c r="J30" s="31" t="s">
        <v>190</v>
      </c>
      <c r="K30" s="31" t="s">
        <v>341</v>
      </c>
      <c r="L30" s="31" t="s">
        <v>558</v>
      </c>
      <c r="M30" s="25" t="s">
        <v>1448</v>
      </c>
      <c r="N30" s="25" t="s">
        <v>753</v>
      </c>
      <c r="O30" s="25" t="s">
        <v>162</v>
      </c>
      <c r="P30" s="25" t="s">
        <v>373</v>
      </c>
    </row>
    <row r="31" spans="1:16" s="25" customFormat="1" x14ac:dyDescent="0.3">
      <c r="A31" s="25" t="s">
        <v>1477</v>
      </c>
      <c r="B31" s="25" t="s">
        <v>1318</v>
      </c>
      <c r="C31" s="25" t="s">
        <v>293</v>
      </c>
      <c r="D31" s="25" t="s">
        <v>122</v>
      </c>
      <c r="E31" s="25" t="s">
        <v>83</v>
      </c>
      <c r="F31" s="25" t="s">
        <v>3</v>
      </c>
      <c r="G31" s="25" t="s">
        <v>82</v>
      </c>
      <c r="H31" s="25" t="s">
        <v>36</v>
      </c>
      <c r="J31" s="31" t="s">
        <v>316</v>
      </c>
      <c r="K31" s="31" t="s">
        <v>346</v>
      </c>
      <c r="L31" s="31" t="s">
        <v>558</v>
      </c>
      <c r="M31" s="25" t="s">
        <v>1449</v>
      </c>
      <c r="N31" s="25" t="s">
        <v>232</v>
      </c>
      <c r="O31" s="25" t="s">
        <v>162</v>
      </c>
      <c r="P31" s="25" t="s">
        <v>243</v>
      </c>
    </row>
    <row r="32" spans="1:16" s="25" customFormat="1" x14ac:dyDescent="0.3">
      <c r="A32" s="25" t="s">
        <v>257</v>
      </c>
      <c r="B32" s="25" t="s">
        <v>1318</v>
      </c>
      <c r="C32" s="25" t="s">
        <v>293</v>
      </c>
      <c r="D32" s="25" t="s">
        <v>121</v>
      </c>
      <c r="E32" s="25" t="s">
        <v>83</v>
      </c>
      <c r="F32" s="25" t="s">
        <v>3</v>
      </c>
      <c r="G32" s="25" t="s">
        <v>82</v>
      </c>
      <c r="H32" s="25" t="s">
        <v>40</v>
      </c>
      <c r="J32" s="31" t="s">
        <v>273</v>
      </c>
      <c r="K32" s="31" t="s">
        <v>347</v>
      </c>
      <c r="L32" s="31" t="s">
        <v>558</v>
      </c>
      <c r="M32" s="25" t="s">
        <v>1450</v>
      </c>
      <c r="N32" s="25" t="s">
        <v>77</v>
      </c>
      <c r="O32" s="25" t="s">
        <v>162</v>
      </c>
      <c r="P32" s="25" t="s">
        <v>236</v>
      </c>
    </row>
    <row r="33" spans="1:16" s="25" customFormat="1" x14ac:dyDescent="0.3">
      <c r="A33" s="25" t="s">
        <v>257</v>
      </c>
      <c r="B33" s="25" t="s">
        <v>1318</v>
      </c>
      <c r="C33" s="25" t="s">
        <v>293</v>
      </c>
      <c r="D33" s="25" t="s">
        <v>121</v>
      </c>
      <c r="E33" s="25" t="s">
        <v>83</v>
      </c>
      <c r="F33" s="25" t="s">
        <v>3</v>
      </c>
      <c r="G33" s="25" t="s">
        <v>82</v>
      </c>
      <c r="H33" s="25" t="s">
        <v>41</v>
      </c>
      <c r="J33" s="31" t="s">
        <v>269</v>
      </c>
      <c r="K33" s="31" t="s">
        <v>348</v>
      </c>
      <c r="L33" s="31" t="s">
        <v>558</v>
      </c>
      <c r="M33" s="63" t="s">
        <v>1451</v>
      </c>
      <c r="N33" s="25" t="s">
        <v>754</v>
      </c>
      <c r="O33" s="25" t="s">
        <v>162</v>
      </c>
      <c r="P33" s="25" t="s">
        <v>237</v>
      </c>
    </row>
    <row r="34" spans="1:16" s="25" customFormat="1" x14ac:dyDescent="0.3">
      <c r="A34" s="25" t="s">
        <v>258</v>
      </c>
      <c r="B34" s="25" t="s">
        <v>1318</v>
      </c>
      <c r="C34" s="25" t="s">
        <v>293</v>
      </c>
      <c r="D34" s="25" t="s">
        <v>121</v>
      </c>
      <c r="E34" s="25" t="s">
        <v>83</v>
      </c>
      <c r="F34" s="25" t="s">
        <v>3</v>
      </c>
      <c r="G34" s="25" t="s">
        <v>82</v>
      </c>
      <c r="H34" s="25" t="s">
        <v>45</v>
      </c>
      <c r="J34" s="31" t="s">
        <v>197</v>
      </c>
      <c r="K34" s="31" t="s">
        <v>349</v>
      </c>
      <c r="L34" s="31" t="s">
        <v>558</v>
      </c>
      <c r="M34" s="25" t="s">
        <v>1452</v>
      </c>
      <c r="N34" s="25" t="s">
        <v>80</v>
      </c>
      <c r="O34" s="25" t="s">
        <v>162</v>
      </c>
      <c r="P34" s="25" t="s">
        <v>234</v>
      </c>
    </row>
    <row r="35" spans="1:16" s="25" customFormat="1" x14ac:dyDescent="0.3">
      <c r="A35" s="25" t="s">
        <v>258</v>
      </c>
      <c r="B35" s="25" t="s">
        <v>1318</v>
      </c>
      <c r="C35" s="25" t="s">
        <v>293</v>
      </c>
      <c r="D35" s="25" t="s">
        <v>121</v>
      </c>
      <c r="E35" s="25" t="s">
        <v>83</v>
      </c>
      <c r="F35" s="25" t="s">
        <v>3</v>
      </c>
      <c r="G35" s="25" t="s">
        <v>82</v>
      </c>
      <c r="H35" s="25" t="s">
        <v>44</v>
      </c>
      <c r="J35" s="31" t="s">
        <v>197</v>
      </c>
      <c r="K35" s="31" t="s">
        <v>350</v>
      </c>
      <c r="L35" s="31" t="s">
        <v>558</v>
      </c>
      <c r="M35" s="25" t="s">
        <v>1453</v>
      </c>
      <c r="N35" s="25" t="s">
        <v>79</v>
      </c>
      <c r="O35" s="25" t="s">
        <v>162</v>
      </c>
      <c r="P35" s="25" t="s">
        <v>235</v>
      </c>
    </row>
    <row r="36" spans="1:16" s="25" customFormat="1" x14ac:dyDescent="0.3">
      <c r="A36" s="25" t="s">
        <v>707</v>
      </c>
      <c r="B36" s="25" t="s">
        <v>1318</v>
      </c>
      <c r="C36" s="25" t="s">
        <v>293</v>
      </c>
      <c r="D36" s="25" t="s">
        <v>121</v>
      </c>
      <c r="E36" s="25" t="s">
        <v>83</v>
      </c>
      <c r="F36" s="25" t="s">
        <v>3</v>
      </c>
      <c r="G36" s="25" t="s">
        <v>82</v>
      </c>
      <c r="H36" s="25" t="s">
        <v>55</v>
      </c>
      <c r="J36" s="31" t="s">
        <v>200</v>
      </c>
      <c r="K36" s="31" t="s">
        <v>357</v>
      </c>
      <c r="L36" s="31" t="s">
        <v>558</v>
      </c>
      <c r="M36" s="25" t="s">
        <v>1454</v>
      </c>
      <c r="N36" s="25" t="s">
        <v>54</v>
      </c>
      <c r="O36" s="25" t="s">
        <v>162</v>
      </c>
      <c r="P36" s="25" t="s">
        <v>238</v>
      </c>
    </row>
    <row r="37" spans="1:16" s="25" customFormat="1" x14ac:dyDescent="0.3">
      <c r="A37" s="25" t="s">
        <v>1471</v>
      </c>
      <c r="B37" s="25" t="s">
        <v>1740</v>
      </c>
      <c r="C37" s="25" t="s">
        <v>1468</v>
      </c>
      <c r="D37" s="25" t="s">
        <v>121</v>
      </c>
      <c r="E37" s="25" t="s">
        <v>83</v>
      </c>
      <c r="F37" s="25" t="s">
        <v>10</v>
      </c>
      <c r="G37" s="25" t="s">
        <v>82</v>
      </c>
      <c r="H37" s="25" t="s">
        <v>1472</v>
      </c>
      <c r="J37" s="31" t="s">
        <v>192</v>
      </c>
      <c r="K37" s="31" t="s">
        <v>310</v>
      </c>
      <c r="L37" s="31" t="s">
        <v>559</v>
      </c>
      <c r="M37" s="63" t="s">
        <v>1390</v>
      </c>
      <c r="N37" s="25" t="s">
        <v>1742</v>
      </c>
      <c r="O37" s="25" t="s">
        <v>1743</v>
      </c>
      <c r="P37" s="25" t="s">
        <v>239</v>
      </c>
    </row>
    <row r="38" spans="1:16" s="25" customFormat="1" x14ac:dyDescent="0.3">
      <c r="A38" s="25" t="s">
        <v>1471</v>
      </c>
      <c r="B38" s="25" t="s">
        <v>1740</v>
      </c>
      <c r="C38" s="25" t="s">
        <v>667</v>
      </c>
      <c r="D38" s="25" t="s">
        <v>121</v>
      </c>
      <c r="E38" s="25" t="s">
        <v>83</v>
      </c>
      <c r="F38" s="25" t="s">
        <v>10</v>
      </c>
      <c r="G38" s="25" t="s">
        <v>82</v>
      </c>
      <c r="H38" s="25" t="s">
        <v>33</v>
      </c>
      <c r="J38" s="31" t="s">
        <v>193</v>
      </c>
      <c r="K38" s="31" t="s">
        <v>343</v>
      </c>
      <c r="L38" s="31" t="s">
        <v>559</v>
      </c>
      <c r="M38" s="63" t="s">
        <v>1419</v>
      </c>
      <c r="N38" s="25" t="s">
        <v>1741</v>
      </c>
      <c r="O38" s="25" t="s">
        <v>1743</v>
      </c>
      <c r="P38" s="25" t="s">
        <v>240</v>
      </c>
    </row>
    <row r="39" spans="1:16" s="25" customFormat="1" x14ac:dyDescent="0.3">
      <c r="A39" s="25" t="s">
        <v>1471</v>
      </c>
      <c r="B39" s="25" t="s">
        <v>1319</v>
      </c>
      <c r="C39" s="25" t="s">
        <v>294</v>
      </c>
      <c r="D39" s="25" t="s">
        <v>121</v>
      </c>
      <c r="E39" s="25" t="s">
        <v>83</v>
      </c>
      <c r="F39" s="25" t="s">
        <v>7</v>
      </c>
      <c r="G39" s="25" t="s">
        <v>82</v>
      </c>
      <c r="H39" s="25" t="s">
        <v>31</v>
      </c>
      <c r="J39" s="31" t="s">
        <v>194</v>
      </c>
      <c r="K39" s="31" t="s">
        <v>351</v>
      </c>
      <c r="L39" s="31" t="s">
        <v>560</v>
      </c>
      <c r="M39" s="25" t="s">
        <v>1430</v>
      </c>
      <c r="N39" s="25" t="s">
        <v>73</v>
      </c>
      <c r="O39" s="25" t="s">
        <v>167</v>
      </c>
      <c r="P39" s="25" t="s">
        <v>241</v>
      </c>
    </row>
    <row r="40" spans="1:16" s="25" customFormat="1" x14ac:dyDescent="0.3">
      <c r="A40" s="25" t="s">
        <v>1471</v>
      </c>
      <c r="B40" s="25" t="s">
        <v>1319</v>
      </c>
      <c r="C40" s="25" t="s">
        <v>294</v>
      </c>
      <c r="D40" s="25" t="s">
        <v>121</v>
      </c>
      <c r="E40" s="25" t="s">
        <v>83</v>
      </c>
      <c r="F40" s="25" t="s">
        <v>7</v>
      </c>
      <c r="G40" s="25" t="s">
        <v>82</v>
      </c>
      <c r="H40" s="25" t="s">
        <v>32</v>
      </c>
      <c r="J40" s="31" t="s">
        <v>193</v>
      </c>
      <c r="K40" s="31" t="s">
        <v>342</v>
      </c>
      <c r="L40" s="31" t="s">
        <v>560</v>
      </c>
      <c r="M40" s="25" t="s">
        <v>1418</v>
      </c>
      <c r="N40" s="25" t="s">
        <v>74</v>
      </c>
      <c r="O40" s="25" t="s">
        <v>167</v>
      </c>
      <c r="P40" s="25" t="s">
        <v>242</v>
      </c>
    </row>
    <row r="41" spans="1:16" s="25" customFormat="1" x14ac:dyDescent="0.3">
      <c r="A41" s="25" t="s">
        <v>677</v>
      </c>
      <c r="B41" s="25" t="s">
        <v>482</v>
      </c>
      <c r="C41" s="25" t="s">
        <v>495</v>
      </c>
      <c r="D41" s="25" t="s">
        <v>121</v>
      </c>
      <c r="E41" s="25" t="s">
        <v>83</v>
      </c>
      <c r="F41" s="25" t="s">
        <v>42</v>
      </c>
      <c r="G41" s="25" t="s">
        <v>82</v>
      </c>
      <c r="H41" s="25" t="s">
        <v>676</v>
      </c>
      <c r="J41" s="31" t="s">
        <v>270</v>
      </c>
      <c r="K41" s="31" t="s">
        <v>295</v>
      </c>
      <c r="L41" s="31" t="s">
        <v>561</v>
      </c>
      <c r="M41" s="63" t="s">
        <v>1389</v>
      </c>
      <c r="N41" s="25" t="s">
        <v>78</v>
      </c>
      <c r="O41" s="25" t="s">
        <v>168</v>
      </c>
      <c r="P41" s="25" t="s">
        <v>151</v>
      </c>
    </row>
    <row r="42" spans="1:16" s="25" customFormat="1" ht="15.6" customHeight="1" x14ac:dyDescent="0.3">
      <c r="A42" s="25" t="s">
        <v>1471</v>
      </c>
      <c r="B42" s="25" t="s">
        <v>478</v>
      </c>
      <c r="C42" s="25" t="s">
        <v>492</v>
      </c>
      <c r="D42" s="25" t="s">
        <v>121</v>
      </c>
      <c r="E42" s="25" t="s">
        <v>747</v>
      </c>
      <c r="F42" s="25" t="s">
        <v>108</v>
      </c>
      <c r="G42" s="25" t="s">
        <v>82</v>
      </c>
      <c r="H42" s="25" t="s">
        <v>109</v>
      </c>
      <c r="J42" s="31" t="s">
        <v>266</v>
      </c>
      <c r="K42" s="31" t="s">
        <v>308</v>
      </c>
      <c r="L42" s="31" t="s">
        <v>493</v>
      </c>
      <c r="M42" s="63" t="s">
        <v>1384</v>
      </c>
      <c r="N42" s="25" t="s">
        <v>107</v>
      </c>
      <c r="O42" s="25" t="s">
        <v>156</v>
      </c>
      <c r="P42" s="25" t="s">
        <v>151</v>
      </c>
    </row>
    <row r="43" spans="1:16" s="25" customFormat="1" x14ac:dyDescent="0.3">
      <c r="A43" s="25" t="s">
        <v>1471</v>
      </c>
      <c r="B43" s="25" t="s">
        <v>479</v>
      </c>
      <c r="C43" s="25" t="s">
        <v>492</v>
      </c>
      <c r="D43" s="25" t="s">
        <v>121</v>
      </c>
      <c r="E43" s="25" t="s">
        <v>747</v>
      </c>
      <c r="F43" s="25" t="s">
        <v>102</v>
      </c>
      <c r="G43" s="25" t="s">
        <v>82</v>
      </c>
      <c r="H43" s="25" t="s">
        <v>103</v>
      </c>
      <c r="J43" s="31" t="s">
        <v>266</v>
      </c>
      <c r="K43" s="31" t="s">
        <v>309</v>
      </c>
      <c r="L43" s="31" t="s">
        <v>498</v>
      </c>
      <c r="M43" s="63" t="s">
        <v>1385</v>
      </c>
      <c r="N43" s="25" t="s">
        <v>101</v>
      </c>
      <c r="O43" s="25" t="s">
        <v>157</v>
      </c>
      <c r="P43" s="25" t="s">
        <v>151</v>
      </c>
    </row>
    <row r="44" spans="1:16" s="25" customFormat="1" ht="43.8" customHeight="1" x14ac:dyDescent="0.3">
      <c r="A44" s="25" t="s">
        <v>1477</v>
      </c>
      <c r="B44" t="s">
        <v>756</v>
      </c>
      <c r="D44" s="25" t="s">
        <v>122</v>
      </c>
      <c r="E44" s="25" t="s">
        <v>747</v>
      </c>
      <c r="F44" s="25" t="s">
        <v>110</v>
      </c>
      <c r="G44" s="25" t="s">
        <v>82</v>
      </c>
      <c r="H44" s="54" t="s">
        <v>1343</v>
      </c>
      <c r="J44" s="55" t="s">
        <v>1345</v>
      </c>
      <c r="K44" s="55" t="s">
        <v>1347</v>
      </c>
      <c r="L44" s="31" t="s">
        <v>499</v>
      </c>
      <c r="M44" s="54" t="s">
        <v>1386</v>
      </c>
      <c r="N44" s="54" t="s">
        <v>1346</v>
      </c>
      <c r="O44" s="25" t="s">
        <v>158</v>
      </c>
      <c r="P44" s="54" t="s">
        <v>1344</v>
      </c>
    </row>
    <row r="45" spans="1:16" s="25" customFormat="1" x14ac:dyDescent="0.3">
      <c r="A45" s="25" t="s">
        <v>707</v>
      </c>
      <c r="B45" t="s">
        <v>1481</v>
      </c>
      <c r="C45" s="25" t="s">
        <v>689</v>
      </c>
      <c r="D45" s="25" t="s">
        <v>122</v>
      </c>
      <c r="E45" s="25" t="s">
        <v>747</v>
      </c>
      <c r="F45" s="25" t="s">
        <v>112</v>
      </c>
      <c r="G45" s="25" t="s">
        <v>82</v>
      </c>
      <c r="H45" s="25" t="s">
        <v>113</v>
      </c>
      <c r="I45" s="25">
        <v>1802</v>
      </c>
      <c r="J45" s="31" t="s">
        <v>689</v>
      </c>
      <c r="K45" s="31" t="s">
        <v>686</v>
      </c>
      <c r="L45" s="31" t="s">
        <v>501</v>
      </c>
      <c r="M45" s="63" t="s">
        <v>1387</v>
      </c>
      <c r="N45" s="25" t="s">
        <v>653</v>
      </c>
      <c r="O45" s="25" t="s">
        <v>159</v>
      </c>
      <c r="P45" s="25" t="s">
        <v>151</v>
      </c>
    </row>
    <row r="46" spans="1:16" s="25" customFormat="1" x14ac:dyDescent="0.3">
      <c r="A46" s="25" t="s">
        <v>707</v>
      </c>
      <c r="B46" t="s">
        <v>1338</v>
      </c>
      <c r="C46" s="25" t="s">
        <v>1337</v>
      </c>
      <c r="D46" s="25" t="s">
        <v>1339</v>
      </c>
      <c r="E46" s="25" t="s">
        <v>747</v>
      </c>
      <c r="F46" s="25" t="s">
        <v>721</v>
      </c>
      <c r="G46" s="25" t="s">
        <v>82</v>
      </c>
      <c r="H46" s="25" t="s">
        <v>113</v>
      </c>
      <c r="J46" s="31" t="s">
        <v>1337</v>
      </c>
      <c r="K46" s="31" t="s">
        <v>1338</v>
      </c>
      <c r="L46" s="31" t="s">
        <v>1340</v>
      </c>
      <c r="M46" s="25" t="s">
        <v>1387</v>
      </c>
      <c r="N46" s="25" t="s">
        <v>1341</v>
      </c>
      <c r="O46" s="25" t="s">
        <v>1342</v>
      </c>
    </row>
    <row r="47" spans="1:16" s="25" customFormat="1" ht="15" customHeight="1" x14ac:dyDescent="0.3">
      <c r="A47" s="25" t="s">
        <v>1471</v>
      </c>
      <c r="B47" s="25" t="s">
        <v>480</v>
      </c>
      <c r="C47" s="25" t="s">
        <v>1747</v>
      </c>
      <c r="D47" s="25" t="s">
        <v>121</v>
      </c>
      <c r="E47" s="25" t="s">
        <v>747</v>
      </c>
      <c r="F47" s="25" t="s">
        <v>105</v>
      </c>
      <c r="G47" s="25" t="s">
        <v>82</v>
      </c>
      <c r="H47" s="25" t="s">
        <v>106</v>
      </c>
      <c r="J47" s="31" t="s">
        <v>266</v>
      </c>
      <c r="K47" s="31" t="s">
        <v>480</v>
      </c>
      <c r="L47" s="31" t="s">
        <v>494</v>
      </c>
      <c r="M47" s="63" t="s">
        <v>1388</v>
      </c>
      <c r="N47" s="25" t="s">
        <v>104</v>
      </c>
      <c r="O47" s="25" t="s">
        <v>161</v>
      </c>
      <c r="P47" s="25" t="s">
        <v>151</v>
      </c>
    </row>
    <row r="48" spans="1:16" s="25" customFormat="1" ht="15.6" customHeight="1" x14ac:dyDescent="0.3">
      <c r="A48" s="25" t="s">
        <v>677</v>
      </c>
      <c r="B48" s="25" t="s">
        <v>482</v>
      </c>
      <c r="C48" s="25" t="s">
        <v>495</v>
      </c>
      <c r="D48" s="25" t="s">
        <v>121</v>
      </c>
      <c r="E48" s="25" t="s">
        <v>747</v>
      </c>
      <c r="F48" s="25" t="s">
        <v>115</v>
      </c>
      <c r="G48" s="25" t="s">
        <v>82</v>
      </c>
      <c r="H48" s="25" t="s">
        <v>43</v>
      </c>
      <c r="J48" s="31" t="s">
        <v>270</v>
      </c>
      <c r="K48" s="31" t="s">
        <v>295</v>
      </c>
      <c r="L48" s="31" t="s">
        <v>496</v>
      </c>
      <c r="M48" s="63" t="s">
        <v>1389</v>
      </c>
      <c r="N48" s="25" t="s">
        <v>114</v>
      </c>
      <c r="O48" s="25" t="s">
        <v>160</v>
      </c>
      <c r="P48" s="25" t="s">
        <v>151</v>
      </c>
    </row>
    <row r="49" spans="1:16" s="25" customFormat="1" ht="12" customHeight="1" x14ac:dyDescent="0.3">
      <c r="A49" s="25" t="s">
        <v>260</v>
      </c>
      <c r="B49" s="25" t="s">
        <v>757</v>
      </c>
      <c r="C49" s="25" t="s">
        <v>1615</v>
      </c>
      <c r="D49" s="25" t="s">
        <v>366</v>
      </c>
      <c r="E49" s="25" t="s">
        <v>747</v>
      </c>
      <c r="F49" s="25" t="s">
        <v>1612</v>
      </c>
      <c r="G49" s="25" t="s">
        <v>82</v>
      </c>
      <c r="H49" s="25" t="s">
        <v>365</v>
      </c>
      <c r="I49" s="25">
        <v>1805</v>
      </c>
      <c r="J49" s="31" t="s">
        <v>1615</v>
      </c>
      <c r="K49" s="31" t="s">
        <v>757</v>
      </c>
      <c r="L49" s="31" t="s">
        <v>490</v>
      </c>
      <c r="M49" s="25" t="s">
        <v>1616</v>
      </c>
      <c r="N49" s="25" t="s">
        <v>1617</v>
      </c>
      <c r="O49" s="25" t="s">
        <v>1618</v>
      </c>
      <c r="P49" s="25" t="s">
        <v>151</v>
      </c>
    </row>
    <row r="50" spans="1:16" s="25" customFormat="1" x14ac:dyDescent="0.3">
      <c r="A50" s="25" t="s">
        <v>263</v>
      </c>
      <c r="B50" s="25" t="s">
        <v>752</v>
      </c>
      <c r="C50" s="25" t="s">
        <v>752</v>
      </c>
      <c r="D50" s="25" t="s">
        <v>206</v>
      </c>
      <c r="E50" s="25" t="s">
        <v>82</v>
      </c>
      <c r="F50" s="25" t="s">
        <v>204</v>
      </c>
      <c r="G50" s="25" t="s">
        <v>747</v>
      </c>
      <c r="H50" s="25" t="s">
        <v>205</v>
      </c>
      <c r="J50" s="31" t="s">
        <v>752</v>
      </c>
      <c r="K50" s="31" t="s">
        <v>752</v>
      </c>
      <c r="L50" s="31" t="s">
        <v>335</v>
      </c>
      <c r="M50" s="63" t="s">
        <v>1461</v>
      </c>
      <c r="N50" s="25" t="s">
        <v>207</v>
      </c>
      <c r="O50" s="25" t="s">
        <v>208</v>
      </c>
      <c r="P50" s="25" t="s">
        <v>151</v>
      </c>
    </row>
    <row r="51" spans="1:16" s="25" customFormat="1" ht="43.2" x14ac:dyDescent="0.3">
      <c r="A51" s="25" t="s">
        <v>1477</v>
      </c>
      <c r="B51" s="25" t="s">
        <v>687</v>
      </c>
      <c r="C51" s="54" t="s">
        <v>1332</v>
      </c>
      <c r="D51" s="25" t="s">
        <v>206</v>
      </c>
      <c r="E51" s="25" t="s">
        <v>82</v>
      </c>
      <c r="F51" s="25" t="s">
        <v>209</v>
      </c>
      <c r="G51" s="25" t="s">
        <v>747</v>
      </c>
      <c r="H51" s="25" t="s">
        <v>210</v>
      </c>
      <c r="J51" s="54" t="s">
        <v>1332</v>
      </c>
      <c r="K51" s="34" t="s">
        <v>687</v>
      </c>
      <c r="L51" s="31" t="s">
        <v>336</v>
      </c>
      <c r="M51" s="63" t="s">
        <v>1423</v>
      </c>
      <c r="N51" s="54" t="s">
        <v>1744</v>
      </c>
      <c r="O51" s="25" t="s">
        <v>211</v>
      </c>
      <c r="P51" s="25" t="s">
        <v>151</v>
      </c>
    </row>
    <row r="52" spans="1:16" s="25" customFormat="1" x14ac:dyDescent="0.3">
      <c r="A52" s="25" t="s">
        <v>1471</v>
      </c>
      <c r="B52" s="25" t="s">
        <v>310</v>
      </c>
      <c r="C52" s="25" t="s">
        <v>310</v>
      </c>
      <c r="D52" s="25" t="s">
        <v>206</v>
      </c>
      <c r="E52" s="25" t="s">
        <v>747</v>
      </c>
      <c r="F52" s="25" t="s">
        <v>212</v>
      </c>
      <c r="G52" s="25" t="s">
        <v>82</v>
      </c>
      <c r="H52" s="25" t="s">
        <v>27</v>
      </c>
      <c r="J52" s="31" t="s">
        <v>192</v>
      </c>
      <c r="K52" s="31" t="s">
        <v>310</v>
      </c>
      <c r="L52" s="31" t="s">
        <v>491</v>
      </c>
      <c r="M52" s="63" t="s">
        <v>1390</v>
      </c>
      <c r="N52" s="25" t="s">
        <v>213</v>
      </c>
      <c r="O52" s="25" t="s">
        <v>214</v>
      </c>
      <c r="P52" s="25" t="s">
        <v>151</v>
      </c>
    </row>
    <row r="53" spans="1:16" s="25" customFormat="1" x14ac:dyDescent="0.3">
      <c r="A53" s="25" t="s">
        <v>261</v>
      </c>
      <c r="B53" s="25" t="s">
        <v>794</v>
      </c>
      <c r="C53" s="25" t="s">
        <v>1328</v>
      </c>
      <c r="D53" s="25" t="s">
        <v>206</v>
      </c>
      <c r="E53" s="25" t="s">
        <v>747</v>
      </c>
      <c r="F53" s="25" t="s">
        <v>215</v>
      </c>
      <c r="G53" s="25" t="s">
        <v>82</v>
      </c>
      <c r="H53" s="25" t="s">
        <v>48</v>
      </c>
      <c r="J53" s="31" t="s">
        <v>1328</v>
      </c>
      <c r="K53" s="25" t="s">
        <v>1327</v>
      </c>
      <c r="L53" s="31" t="s">
        <v>497</v>
      </c>
      <c r="M53" s="25" t="s">
        <v>1391</v>
      </c>
      <c r="N53" s="25" t="s">
        <v>216</v>
      </c>
      <c r="O53" s="25" t="s">
        <v>217</v>
      </c>
      <c r="P53" s="25" t="s">
        <v>151</v>
      </c>
    </row>
    <row r="54" spans="1:16" s="25" customFormat="1" x14ac:dyDescent="0.3">
      <c r="A54" s="25" t="s">
        <v>1471</v>
      </c>
      <c r="B54" s="25" t="s">
        <v>296</v>
      </c>
      <c r="C54" s="25" t="s">
        <v>296</v>
      </c>
      <c r="D54" s="25" t="s">
        <v>206</v>
      </c>
      <c r="E54" s="25" t="s">
        <v>82</v>
      </c>
      <c r="F54" s="25" t="s">
        <v>22</v>
      </c>
      <c r="G54" s="25" t="s">
        <v>83</v>
      </c>
      <c r="H54" s="25" t="s">
        <v>23</v>
      </c>
      <c r="J54" s="31" t="s">
        <v>201</v>
      </c>
      <c r="K54" s="31" t="s">
        <v>296</v>
      </c>
      <c r="L54" s="31" t="s">
        <v>337</v>
      </c>
      <c r="M54" s="63" t="s">
        <v>1411</v>
      </c>
      <c r="N54" s="25" t="s">
        <v>70</v>
      </c>
      <c r="O54" s="25" t="s">
        <v>218</v>
      </c>
      <c r="P54" s="25" t="s">
        <v>151</v>
      </c>
    </row>
    <row r="55" spans="1:16" s="25" customFormat="1" x14ac:dyDescent="0.3">
      <c r="A55" s="25" t="s">
        <v>1471</v>
      </c>
      <c r="B55" s="25" t="s">
        <v>296</v>
      </c>
      <c r="C55" s="25" t="s">
        <v>296</v>
      </c>
      <c r="D55" s="25" t="s">
        <v>206</v>
      </c>
      <c r="E55" s="25" t="s">
        <v>82</v>
      </c>
      <c r="F55" s="25" t="s">
        <v>22</v>
      </c>
      <c r="G55" s="25" t="s">
        <v>83</v>
      </c>
      <c r="H55" s="25" t="s">
        <v>24</v>
      </c>
      <c r="J55" s="31" t="s">
        <v>201</v>
      </c>
      <c r="K55" s="31" t="s">
        <v>296</v>
      </c>
      <c r="L55" s="31" t="s">
        <v>337</v>
      </c>
      <c r="M55" s="63" t="s">
        <v>1411</v>
      </c>
      <c r="N55" s="25" t="s">
        <v>71</v>
      </c>
      <c r="O55" s="25" t="s">
        <v>218</v>
      </c>
      <c r="P55" s="25" t="s">
        <v>151</v>
      </c>
    </row>
    <row r="56" spans="1:16" s="25" customFormat="1" x14ac:dyDescent="0.3">
      <c r="A56" s="25" t="s">
        <v>255</v>
      </c>
      <c r="B56" s="25" t="s">
        <v>514</v>
      </c>
      <c r="C56" s="25" t="s">
        <v>297</v>
      </c>
      <c r="D56" s="25" t="s">
        <v>206</v>
      </c>
      <c r="E56" s="25" t="s">
        <v>82</v>
      </c>
      <c r="F56" s="25" t="s">
        <v>219</v>
      </c>
      <c r="G56" s="25" t="s">
        <v>83</v>
      </c>
      <c r="H56" s="25" t="s">
        <v>3</v>
      </c>
      <c r="J56" s="31" t="s">
        <v>191</v>
      </c>
      <c r="K56" s="31" t="s">
        <v>297</v>
      </c>
      <c r="L56" s="31" t="s">
        <v>354</v>
      </c>
      <c r="M56" s="63" t="s">
        <v>1411</v>
      </c>
      <c r="N56" s="25" t="s">
        <v>220</v>
      </c>
      <c r="O56" s="25" t="s">
        <v>221</v>
      </c>
      <c r="P56" s="25" t="s">
        <v>151</v>
      </c>
    </row>
    <row r="57" spans="1:16" s="25" customFormat="1" x14ac:dyDescent="0.3">
      <c r="A57" s="25" t="s">
        <v>1471</v>
      </c>
      <c r="B57" s="25" t="s">
        <v>529</v>
      </c>
      <c r="C57" s="25" t="s">
        <v>298</v>
      </c>
      <c r="D57" s="25" t="s">
        <v>206</v>
      </c>
      <c r="E57" s="25" t="s">
        <v>82</v>
      </c>
      <c r="F57" s="25" t="s">
        <v>222</v>
      </c>
      <c r="G57" s="25" t="s">
        <v>83</v>
      </c>
      <c r="H57" s="25" t="s">
        <v>223</v>
      </c>
      <c r="J57" s="31" t="s">
        <v>314</v>
      </c>
      <c r="K57" s="31" t="s">
        <v>298</v>
      </c>
      <c r="L57" s="31" t="s">
        <v>338</v>
      </c>
      <c r="M57" s="63" t="s">
        <v>1411</v>
      </c>
      <c r="N57" s="25" t="s">
        <v>224</v>
      </c>
      <c r="O57" s="25" t="s">
        <v>244</v>
      </c>
      <c r="P57" s="25" t="s">
        <v>151</v>
      </c>
    </row>
    <row r="58" spans="1:16" s="25" customFormat="1" x14ac:dyDescent="0.3">
      <c r="A58" s="25" t="s">
        <v>1471</v>
      </c>
      <c r="B58" s="25" t="s">
        <v>530</v>
      </c>
      <c r="C58" s="25" t="s">
        <v>299</v>
      </c>
      <c r="D58" s="25" t="s">
        <v>206</v>
      </c>
      <c r="E58" s="25" t="s">
        <v>83</v>
      </c>
      <c r="F58" s="25" t="s">
        <v>223</v>
      </c>
      <c r="G58" s="25" t="s">
        <v>82</v>
      </c>
      <c r="H58" s="25" t="s">
        <v>248</v>
      </c>
      <c r="J58" s="31" t="s">
        <v>314</v>
      </c>
      <c r="K58" s="31" t="s">
        <v>299</v>
      </c>
      <c r="L58" s="31" t="s">
        <v>562</v>
      </c>
      <c r="M58" s="63" t="s">
        <v>1434</v>
      </c>
      <c r="N58" s="25" t="s">
        <v>225</v>
      </c>
      <c r="O58" s="25" t="s">
        <v>245</v>
      </c>
      <c r="P58" s="25" t="s">
        <v>151</v>
      </c>
    </row>
    <row r="59" spans="1:16" s="25" customFormat="1" x14ac:dyDescent="0.3">
      <c r="A59" s="25" t="s">
        <v>1471</v>
      </c>
      <c r="B59" s="25" t="s">
        <v>531</v>
      </c>
      <c r="C59" s="25" t="s">
        <v>301</v>
      </c>
      <c r="D59" s="25" t="s">
        <v>206</v>
      </c>
      <c r="E59" s="25" t="s">
        <v>83</v>
      </c>
      <c r="F59" s="25" t="s">
        <v>246</v>
      </c>
      <c r="G59" s="25" t="s">
        <v>82</v>
      </c>
      <c r="H59" s="25" t="s">
        <v>247</v>
      </c>
      <c r="J59" s="31" t="s">
        <v>314</v>
      </c>
      <c r="K59" s="31" t="s">
        <v>301</v>
      </c>
      <c r="L59" s="31" t="s">
        <v>563</v>
      </c>
      <c r="M59" s="25" t="s">
        <v>1435</v>
      </c>
      <c r="N59" s="25" t="s">
        <v>249</v>
      </c>
      <c r="O59" s="25" t="s">
        <v>250</v>
      </c>
      <c r="P59" s="25" t="s">
        <v>151</v>
      </c>
    </row>
    <row r="60" spans="1:16" s="25" customFormat="1" x14ac:dyDescent="0.3">
      <c r="A60" s="25" t="s">
        <v>1471</v>
      </c>
      <c r="B60" s="25" t="s">
        <v>532</v>
      </c>
      <c r="C60" s="25" t="s">
        <v>300</v>
      </c>
      <c r="D60" s="25" t="s">
        <v>206</v>
      </c>
      <c r="E60" s="25" t="s">
        <v>83</v>
      </c>
      <c r="F60" s="25" t="s">
        <v>251</v>
      </c>
      <c r="G60" s="25" t="s">
        <v>82</v>
      </c>
      <c r="H60" s="25" t="s">
        <v>253</v>
      </c>
      <c r="J60" s="31" t="s">
        <v>314</v>
      </c>
      <c r="K60" s="31" t="s">
        <v>300</v>
      </c>
      <c r="L60" s="31" t="s">
        <v>564</v>
      </c>
      <c r="M60" s="25" t="s">
        <v>1399</v>
      </c>
      <c r="N60" s="25" t="s">
        <v>252</v>
      </c>
      <c r="O60" s="25" t="s">
        <v>226</v>
      </c>
      <c r="P60" s="25" t="s">
        <v>151</v>
      </c>
    </row>
    <row r="61" spans="1:16" s="25" customFormat="1" x14ac:dyDescent="0.3">
      <c r="A61" s="25" t="s">
        <v>1477</v>
      </c>
      <c r="B61" s="25" t="s">
        <v>465</v>
      </c>
      <c r="C61" s="25" t="s">
        <v>302</v>
      </c>
      <c r="D61" s="25" t="s">
        <v>206</v>
      </c>
      <c r="E61" s="25" t="s">
        <v>82</v>
      </c>
      <c r="F61" s="25" t="s">
        <v>209</v>
      </c>
      <c r="G61" s="25" t="s">
        <v>83</v>
      </c>
      <c r="H61" s="25" t="s">
        <v>227</v>
      </c>
      <c r="J61" s="31" t="s">
        <v>317</v>
      </c>
      <c r="K61" s="31" t="s">
        <v>302</v>
      </c>
      <c r="L61" s="31" t="s">
        <v>340</v>
      </c>
      <c r="M61" s="63" t="s">
        <v>1455</v>
      </c>
      <c r="N61" s="25" t="s">
        <v>566</v>
      </c>
      <c r="O61" s="25" t="s">
        <v>228</v>
      </c>
      <c r="P61" s="25" t="s">
        <v>151</v>
      </c>
    </row>
    <row r="62" spans="1:16" s="25" customFormat="1" x14ac:dyDescent="0.3">
      <c r="A62" s="25" t="s">
        <v>1471</v>
      </c>
      <c r="B62" s="25" t="s">
        <v>378</v>
      </c>
      <c r="C62" s="25" t="s">
        <v>377</v>
      </c>
      <c r="D62" s="25" t="s">
        <v>375</v>
      </c>
      <c r="E62" s="25" t="s">
        <v>82</v>
      </c>
      <c r="F62" s="25" t="s">
        <v>376</v>
      </c>
      <c r="G62" s="25" t="s">
        <v>747</v>
      </c>
      <c r="H62" s="25" t="s">
        <v>376</v>
      </c>
      <c r="J62" s="31" t="s">
        <v>377</v>
      </c>
      <c r="K62" s="31" t="s">
        <v>378</v>
      </c>
      <c r="L62" s="31" t="s">
        <v>379</v>
      </c>
      <c r="M62" s="25" t="s">
        <v>1462</v>
      </c>
      <c r="N62" s="25" t="s">
        <v>380</v>
      </c>
      <c r="O62" s="25" t="s">
        <v>473</v>
      </c>
      <c r="P62" s="25" t="s">
        <v>151</v>
      </c>
    </row>
    <row r="63" spans="1:16" s="25" customFormat="1" x14ac:dyDescent="0.3">
      <c r="A63" s="25" t="s">
        <v>1471</v>
      </c>
      <c r="B63" s="25" t="s">
        <v>378</v>
      </c>
      <c r="C63" s="25" t="s">
        <v>374</v>
      </c>
      <c r="D63" s="25" t="s">
        <v>375</v>
      </c>
      <c r="E63" s="25" t="s">
        <v>82</v>
      </c>
      <c r="F63" s="25" t="s">
        <v>376</v>
      </c>
      <c r="G63" s="25" t="s">
        <v>83</v>
      </c>
      <c r="H63" s="25" t="s">
        <v>381</v>
      </c>
      <c r="J63" s="31" t="s">
        <v>377</v>
      </c>
      <c r="K63" s="31" t="s">
        <v>378</v>
      </c>
      <c r="L63" s="31" t="s">
        <v>382</v>
      </c>
      <c r="M63" s="25" t="s">
        <v>1463</v>
      </c>
      <c r="N63" s="25" t="s">
        <v>383</v>
      </c>
      <c r="O63" s="25" t="s">
        <v>553</v>
      </c>
      <c r="P63" s="25" t="s">
        <v>151</v>
      </c>
    </row>
    <row r="64" spans="1:16" s="25" customFormat="1" x14ac:dyDescent="0.3">
      <c r="A64" s="25" t="s">
        <v>1477</v>
      </c>
      <c r="B64" s="25" t="s">
        <v>1264</v>
      </c>
      <c r="C64" s="25" t="s">
        <v>1265</v>
      </c>
      <c r="D64" s="25" t="s">
        <v>375</v>
      </c>
      <c r="E64" s="25" t="s">
        <v>747</v>
      </c>
      <c r="F64" s="25" t="s">
        <v>384</v>
      </c>
      <c r="G64" s="25" t="s">
        <v>82</v>
      </c>
      <c r="H64" s="25" t="s">
        <v>385</v>
      </c>
      <c r="J64" s="31" t="s">
        <v>1265</v>
      </c>
      <c r="K64" s="31" t="s">
        <v>387</v>
      </c>
      <c r="L64" s="31" t="s">
        <v>504</v>
      </c>
      <c r="M64" s="63" t="s">
        <v>1392</v>
      </c>
      <c r="N64" s="25" t="s">
        <v>388</v>
      </c>
      <c r="O64" s="25" t="s">
        <v>512</v>
      </c>
    </row>
    <row r="65" spans="1:16" s="25" customFormat="1" x14ac:dyDescent="0.3">
      <c r="A65" s="25" t="s">
        <v>1477</v>
      </c>
      <c r="B65" s="25" t="s">
        <v>424</v>
      </c>
      <c r="C65" s="25" t="s">
        <v>1263</v>
      </c>
      <c r="D65" s="25" t="s">
        <v>375</v>
      </c>
      <c r="E65" s="25" t="s">
        <v>82</v>
      </c>
      <c r="F65" s="25" t="s">
        <v>20</v>
      </c>
      <c r="G65" s="25" t="s">
        <v>747</v>
      </c>
      <c r="H65" s="25" t="s">
        <v>100</v>
      </c>
      <c r="J65" s="31" t="s">
        <v>1263</v>
      </c>
      <c r="K65" s="31" t="s">
        <v>280</v>
      </c>
      <c r="L65" s="31" t="s">
        <v>391</v>
      </c>
      <c r="M65" s="25" t="s">
        <v>1411</v>
      </c>
      <c r="N65" s="25" t="s">
        <v>390</v>
      </c>
      <c r="O65" s="25" t="s">
        <v>615</v>
      </c>
    </row>
    <row r="66" spans="1:16" s="25" customFormat="1" x14ac:dyDescent="0.3">
      <c r="A66" s="25" t="s">
        <v>1477</v>
      </c>
      <c r="B66" s="25" t="s">
        <v>429</v>
      </c>
      <c r="C66" s="25" t="s">
        <v>425</v>
      </c>
      <c r="D66" s="25" t="s">
        <v>375</v>
      </c>
      <c r="E66" s="25" t="s">
        <v>82</v>
      </c>
      <c r="F66" s="25" t="s">
        <v>426</v>
      </c>
      <c r="G66" s="25" t="s">
        <v>83</v>
      </c>
      <c r="H66" s="25" t="s">
        <v>427</v>
      </c>
      <c r="J66" s="31" t="s">
        <v>428</v>
      </c>
      <c r="K66" s="31" t="s">
        <v>429</v>
      </c>
      <c r="L66" s="31" t="s">
        <v>430</v>
      </c>
      <c r="M66" s="25" t="s">
        <v>1404</v>
      </c>
      <c r="N66" s="25" t="s">
        <v>431</v>
      </c>
      <c r="O66" s="25" t="s">
        <v>432</v>
      </c>
    </row>
    <row r="67" spans="1:16" s="25" customFormat="1" x14ac:dyDescent="0.3">
      <c r="B67" s="25" t="s">
        <v>429</v>
      </c>
      <c r="C67" s="25" t="s">
        <v>488</v>
      </c>
      <c r="D67" s="25" t="s">
        <v>375</v>
      </c>
      <c r="E67" s="25" t="s">
        <v>82</v>
      </c>
      <c r="F67" s="25" t="s">
        <v>710</v>
      </c>
      <c r="G67" s="25" t="s">
        <v>747</v>
      </c>
      <c r="H67" s="25" t="s">
        <v>711</v>
      </c>
      <c r="J67" s="31" t="s">
        <v>428</v>
      </c>
      <c r="K67" s="31" t="s">
        <v>429</v>
      </c>
      <c r="L67" s="31" t="s">
        <v>433</v>
      </c>
      <c r="M67" s="25" t="s">
        <v>1405</v>
      </c>
      <c r="N67" s="25" t="s">
        <v>434</v>
      </c>
      <c r="O67" s="25" t="s">
        <v>511</v>
      </c>
    </row>
    <row r="68" spans="1:16" s="25" customFormat="1" x14ac:dyDescent="0.3">
      <c r="A68" s="25" t="s">
        <v>1477</v>
      </c>
      <c r="B68" s="25" t="s">
        <v>439</v>
      </c>
      <c r="C68" s="25" t="s">
        <v>435</v>
      </c>
      <c r="D68" s="25" t="s">
        <v>375</v>
      </c>
      <c r="E68" s="25" t="s">
        <v>82</v>
      </c>
      <c r="F68" s="25" t="s">
        <v>436</v>
      </c>
      <c r="G68" s="25" t="s">
        <v>83</v>
      </c>
      <c r="H68" s="25" t="s">
        <v>437</v>
      </c>
      <c r="J68" s="31" t="s">
        <v>438</v>
      </c>
      <c r="K68" s="31" t="s">
        <v>439</v>
      </c>
      <c r="L68" s="31" t="s">
        <v>440</v>
      </c>
      <c r="M68" s="25" t="s">
        <v>1406</v>
      </c>
      <c r="N68" s="25" t="s">
        <v>441</v>
      </c>
      <c r="O68" s="25" t="s">
        <v>442</v>
      </c>
    </row>
    <row r="69" spans="1:16" s="25" customFormat="1" x14ac:dyDescent="0.3">
      <c r="A69" s="25" t="s">
        <v>258</v>
      </c>
      <c r="B69" s="25" t="s">
        <v>483</v>
      </c>
      <c r="C69" s="25" t="s">
        <v>484</v>
      </c>
      <c r="D69" s="25" t="s">
        <v>375</v>
      </c>
      <c r="E69" s="25" t="s">
        <v>82</v>
      </c>
      <c r="F69" s="25" t="s">
        <v>95</v>
      </c>
      <c r="G69" s="25" t="s">
        <v>747</v>
      </c>
      <c r="H69" s="25" t="s">
        <v>100</v>
      </c>
      <c r="J69" s="31" t="s">
        <v>152</v>
      </c>
      <c r="K69" s="31" t="s">
        <v>307</v>
      </c>
      <c r="L69" s="31" t="s">
        <v>489</v>
      </c>
      <c r="M69" s="25" t="s">
        <v>1411</v>
      </c>
      <c r="N69" s="25" t="s">
        <v>392</v>
      </c>
      <c r="O69" s="25" t="s">
        <v>181</v>
      </c>
    </row>
    <row r="70" spans="1:16" s="25" customFormat="1" x14ac:dyDescent="0.3">
      <c r="B70" s="25" t="s">
        <v>414</v>
      </c>
      <c r="C70" s="25" t="s">
        <v>404</v>
      </c>
      <c r="D70" s="25" t="s">
        <v>375</v>
      </c>
      <c r="E70" s="25" t="s">
        <v>82</v>
      </c>
      <c r="F70" s="25" t="s">
        <v>405</v>
      </c>
      <c r="G70" s="25" t="s">
        <v>83</v>
      </c>
      <c r="H70" s="25" t="s">
        <v>406</v>
      </c>
      <c r="J70" s="31" t="s">
        <v>407</v>
      </c>
      <c r="K70" s="31" t="s">
        <v>407</v>
      </c>
      <c r="L70" s="31" t="s">
        <v>408</v>
      </c>
      <c r="M70" s="25" t="s">
        <v>1407</v>
      </c>
      <c r="N70" s="25" t="s">
        <v>409</v>
      </c>
      <c r="O70" s="25" t="s">
        <v>410</v>
      </c>
    </row>
    <row r="71" spans="1:16" s="25" customFormat="1" x14ac:dyDescent="0.3">
      <c r="B71" s="25" t="s">
        <v>477</v>
      </c>
      <c r="C71" s="25" t="s">
        <v>411</v>
      </c>
      <c r="D71" s="25" t="s">
        <v>375</v>
      </c>
      <c r="E71" s="25" t="s">
        <v>83</v>
      </c>
      <c r="F71" s="25" t="s">
        <v>412</v>
      </c>
      <c r="G71" s="25" t="s">
        <v>82</v>
      </c>
      <c r="H71" s="25" t="s">
        <v>413</v>
      </c>
      <c r="J71" s="31" t="s">
        <v>407</v>
      </c>
      <c r="K71" s="31" t="s">
        <v>414</v>
      </c>
      <c r="L71" s="31" t="s">
        <v>415</v>
      </c>
      <c r="M71" s="25" t="s">
        <v>1408</v>
      </c>
      <c r="N71" s="25" t="s">
        <v>416</v>
      </c>
      <c r="O71" s="25" t="s">
        <v>472</v>
      </c>
    </row>
    <row r="72" spans="1:16" s="25" customFormat="1" x14ac:dyDescent="0.3">
      <c r="B72" s="25" t="s">
        <v>609</v>
      </c>
      <c r="C72" s="25" t="s">
        <v>610</v>
      </c>
      <c r="D72" s="25" t="s">
        <v>375</v>
      </c>
      <c r="E72" s="25" t="s">
        <v>82</v>
      </c>
      <c r="F72" s="25" t="s">
        <v>405</v>
      </c>
      <c r="G72" s="25" t="s">
        <v>747</v>
      </c>
      <c r="H72" s="25" t="s">
        <v>417</v>
      </c>
      <c r="J72" s="31" t="s">
        <v>407</v>
      </c>
      <c r="K72" s="31" t="s">
        <v>407</v>
      </c>
      <c r="L72" s="31" t="s">
        <v>418</v>
      </c>
      <c r="M72" s="25" t="s">
        <v>1407</v>
      </c>
      <c r="N72" s="25" t="s">
        <v>419</v>
      </c>
      <c r="O72" s="25" t="s">
        <v>420</v>
      </c>
    </row>
    <row r="73" spans="1:16" s="25" customFormat="1" x14ac:dyDescent="0.3">
      <c r="B73" s="25" t="s">
        <v>751</v>
      </c>
      <c r="C73" s="25" t="s">
        <v>610</v>
      </c>
      <c r="D73" s="25" t="s">
        <v>375</v>
      </c>
      <c r="E73" s="25" t="s">
        <v>747</v>
      </c>
      <c r="F73" s="25" t="s">
        <v>412</v>
      </c>
      <c r="G73" s="25" t="s">
        <v>82</v>
      </c>
      <c r="H73" s="25" t="s">
        <v>413</v>
      </c>
      <c r="J73" s="31" t="s">
        <v>407</v>
      </c>
      <c r="K73" s="31" t="s">
        <v>414</v>
      </c>
      <c r="L73" s="31" t="s">
        <v>421</v>
      </c>
      <c r="M73" s="25" t="s">
        <v>1408</v>
      </c>
      <c r="N73" s="25" t="s">
        <v>422</v>
      </c>
      <c r="O73" s="25" t="s">
        <v>423</v>
      </c>
    </row>
    <row r="74" spans="1:16" s="25" customFormat="1" x14ac:dyDescent="0.3">
      <c r="A74" s="25" t="s">
        <v>677</v>
      </c>
      <c r="B74" s="25" t="s">
        <v>1325</v>
      </c>
      <c r="C74" s="25" t="s">
        <v>1326</v>
      </c>
      <c r="D74" s="25" t="s">
        <v>446</v>
      </c>
      <c r="E74" s="25" t="s">
        <v>747</v>
      </c>
      <c r="F74" s="25" t="s">
        <v>443</v>
      </c>
      <c r="G74" s="25" t="s">
        <v>82</v>
      </c>
      <c r="H74" s="25" t="s">
        <v>444</v>
      </c>
      <c r="J74" s="31" t="s">
        <v>1326</v>
      </c>
      <c r="K74" s="31" t="s">
        <v>1325</v>
      </c>
      <c r="L74" s="31" t="s">
        <v>509</v>
      </c>
      <c r="M74" s="25" t="s">
        <v>1409</v>
      </c>
      <c r="N74" s="25" t="s">
        <v>445</v>
      </c>
      <c r="O74" s="25" t="s">
        <v>513</v>
      </c>
    </row>
    <row r="75" spans="1:16" s="25" customFormat="1" x14ac:dyDescent="0.3">
      <c r="A75" s="25" t="s">
        <v>1477</v>
      </c>
      <c r="B75" s="25" t="s">
        <v>448</v>
      </c>
      <c r="C75" s="25" t="s">
        <v>389</v>
      </c>
      <c r="D75" s="25" t="s">
        <v>446</v>
      </c>
      <c r="E75" s="25" t="s">
        <v>82</v>
      </c>
      <c r="F75" s="25" t="s">
        <v>447</v>
      </c>
      <c r="G75" s="25" t="s">
        <v>747</v>
      </c>
      <c r="H75" s="25" t="s">
        <v>119</v>
      </c>
      <c r="J75" s="31" t="s">
        <v>389</v>
      </c>
      <c r="K75" s="31" t="s">
        <v>448</v>
      </c>
      <c r="L75" s="31" t="s">
        <v>470</v>
      </c>
      <c r="M75" s="63" t="s">
        <v>1464</v>
      </c>
      <c r="N75" s="28" t="s">
        <v>151</v>
      </c>
      <c r="O75" s="25" t="s">
        <v>466</v>
      </c>
    </row>
    <row r="76" spans="1:16" s="25" customFormat="1" ht="43.2" x14ac:dyDescent="0.3">
      <c r="A76" s="25" t="s">
        <v>1477</v>
      </c>
      <c r="B76" s="25" t="s">
        <v>736</v>
      </c>
      <c r="C76" s="54" t="s">
        <v>1322</v>
      </c>
      <c r="D76" s="25" t="s">
        <v>446</v>
      </c>
      <c r="E76" s="25" t="s">
        <v>747</v>
      </c>
      <c r="F76" s="25" t="s">
        <v>117</v>
      </c>
      <c r="G76" s="25" t="s">
        <v>82</v>
      </c>
      <c r="H76" s="54" t="s">
        <v>1320</v>
      </c>
      <c r="J76" s="55" t="s">
        <v>1323</v>
      </c>
      <c r="K76" s="54" t="s">
        <v>1322</v>
      </c>
      <c r="L76" s="31" t="s">
        <v>1321</v>
      </c>
      <c r="M76" s="54" t="s">
        <v>1393</v>
      </c>
      <c r="N76" s="28" t="s">
        <v>151</v>
      </c>
      <c r="O76" s="25" t="s">
        <v>737</v>
      </c>
      <c r="P76" s="54" t="s">
        <v>1324</v>
      </c>
    </row>
    <row r="77" spans="1:16" s="25" customFormat="1" x14ac:dyDescent="0.3">
      <c r="A77" s="25" t="s">
        <v>1477</v>
      </c>
      <c r="B77" s="25" t="s">
        <v>451</v>
      </c>
      <c r="C77" s="25" t="s">
        <v>386</v>
      </c>
      <c r="D77" s="25" t="s">
        <v>446</v>
      </c>
      <c r="E77" s="25" t="s">
        <v>82</v>
      </c>
      <c r="F77" s="25" t="s">
        <v>449</v>
      </c>
      <c r="G77" s="25" t="s">
        <v>747</v>
      </c>
      <c r="H77" s="25" t="s">
        <v>450</v>
      </c>
      <c r="J77" s="31" t="s">
        <v>386</v>
      </c>
      <c r="K77" s="31" t="s">
        <v>451</v>
      </c>
      <c r="L77" s="31" t="s">
        <v>471</v>
      </c>
      <c r="M77" s="63" t="s">
        <v>1411</v>
      </c>
      <c r="N77" s="25" t="s">
        <v>452</v>
      </c>
      <c r="O77" s="25" t="s">
        <v>467</v>
      </c>
    </row>
    <row r="78" spans="1:16" s="25" customFormat="1" x14ac:dyDescent="0.3">
      <c r="A78" s="25" t="s">
        <v>1271</v>
      </c>
      <c r="B78" s="25" t="s">
        <v>456</v>
      </c>
      <c r="C78" s="25" t="s">
        <v>455</v>
      </c>
      <c r="D78" s="25" t="s">
        <v>446</v>
      </c>
      <c r="E78" s="25" t="s">
        <v>747</v>
      </c>
      <c r="F78" s="25" t="s">
        <v>453</v>
      </c>
      <c r="G78" s="25" t="s">
        <v>82</v>
      </c>
      <c r="H78" s="25" t="s">
        <v>454</v>
      </c>
      <c r="J78" s="31" t="s">
        <v>455</v>
      </c>
      <c r="K78" s="31" t="s">
        <v>456</v>
      </c>
      <c r="L78" s="31" t="s">
        <v>510</v>
      </c>
      <c r="M78" s="25" t="s">
        <v>1394</v>
      </c>
      <c r="N78" s="25" t="s">
        <v>457</v>
      </c>
      <c r="O78" s="25" t="s">
        <v>469</v>
      </c>
    </row>
    <row r="79" spans="1:16" s="25" customFormat="1" x14ac:dyDescent="0.3">
      <c r="A79" s="25" t="s">
        <v>458</v>
      </c>
      <c r="B79" s="25" t="s">
        <v>611</v>
      </c>
      <c r="C79" s="25" t="s">
        <v>455</v>
      </c>
      <c r="D79" s="25" t="s">
        <v>446</v>
      </c>
      <c r="E79" s="25" t="s">
        <v>747</v>
      </c>
      <c r="F79" s="25" t="s">
        <v>459</v>
      </c>
      <c r="G79" s="25" t="s">
        <v>82</v>
      </c>
      <c r="H79" s="25" t="s">
        <v>460</v>
      </c>
      <c r="J79" s="31" t="s">
        <v>455</v>
      </c>
      <c r="K79" s="31" t="s">
        <v>461</v>
      </c>
      <c r="L79" s="31" t="s">
        <v>505</v>
      </c>
      <c r="M79" s="25" t="s">
        <v>1395</v>
      </c>
      <c r="N79" s="25" t="s">
        <v>462</v>
      </c>
      <c r="O79" s="25" t="s">
        <v>468</v>
      </c>
    </row>
    <row r="80" spans="1:16" s="25" customFormat="1" ht="28.8" x14ac:dyDescent="0.3">
      <c r="A80" s="25" t="s">
        <v>707</v>
      </c>
      <c r="B80" s="25" t="s">
        <v>688</v>
      </c>
      <c r="C80" s="25" t="s">
        <v>464</v>
      </c>
      <c r="D80" s="25" t="s">
        <v>446</v>
      </c>
      <c r="E80" s="25" t="s">
        <v>82</v>
      </c>
      <c r="F80" s="25" t="s">
        <v>506</v>
      </c>
      <c r="G80" s="25" t="s">
        <v>747</v>
      </c>
      <c r="H80" s="25" t="s">
        <v>463</v>
      </c>
      <c r="J80" s="31" t="s">
        <v>464</v>
      </c>
      <c r="K80" s="31" t="s">
        <v>465</v>
      </c>
      <c r="L80" s="31" t="s">
        <v>507</v>
      </c>
      <c r="M80" s="25" t="s">
        <v>1396</v>
      </c>
      <c r="N80" s="54" t="s">
        <v>1745</v>
      </c>
      <c r="O80" s="25" t="s">
        <v>508</v>
      </c>
    </row>
    <row r="81" spans="1:16" s="25" customFormat="1" x14ac:dyDescent="0.3">
      <c r="A81" s="25" t="s">
        <v>1471</v>
      </c>
      <c r="B81" s="25" t="s">
        <v>395</v>
      </c>
      <c r="C81" s="25" t="s">
        <v>395</v>
      </c>
      <c r="D81" s="25" t="s">
        <v>375</v>
      </c>
      <c r="E81" s="25" t="s">
        <v>747</v>
      </c>
      <c r="F81" s="25" t="s">
        <v>396</v>
      </c>
      <c r="G81" s="25" t="s">
        <v>82</v>
      </c>
      <c r="H81" s="25" t="s">
        <v>396</v>
      </c>
      <c r="J81" s="31" t="s">
        <v>395</v>
      </c>
      <c r="K81" s="31" t="s">
        <v>395</v>
      </c>
      <c r="L81" s="31" t="s">
        <v>397</v>
      </c>
      <c r="M81" s="25" t="s">
        <v>1397</v>
      </c>
      <c r="N81" s="28" t="s">
        <v>151</v>
      </c>
      <c r="O81" s="25" t="s">
        <v>398</v>
      </c>
    </row>
    <row r="82" spans="1:16" s="25" customFormat="1" x14ac:dyDescent="0.3">
      <c r="A82" s="25" t="s">
        <v>1471</v>
      </c>
      <c r="B82" s="25" t="s">
        <v>399</v>
      </c>
      <c r="C82" s="25" t="s">
        <v>401</v>
      </c>
      <c r="D82" s="25" t="s">
        <v>375</v>
      </c>
      <c r="E82" s="25" t="s">
        <v>747</v>
      </c>
      <c r="F82" s="25" t="s">
        <v>400</v>
      </c>
      <c r="G82" s="25" t="s">
        <v>82</v>
      </c>
      <c r="H82" s="25" t="s">
        <v>400</v>
      </c>
      <c r="J82" s="31" t="s">
        <v>401</v>
      </c>
      <c r="K82" s="31" t="s">
        <v>399</v>
      </c>
      <c r="L82" s="31" t="s">
        <v>402</v>
      </c>
      <c r="M82" s="25" t="s">
        <v>1398</v>
      </c>
      <c r="N82" s="28" t="s">
        <v>151</v>
      </c>
      <c r="O82" s="25" t="s">
        <v>403</v>
      </c>
    </row>
    <row r="83" spans="1:16" s="25" customFormat="1" x14ac:dyDescent="0.3">
      <c r="A83" s="25" t="s">
        <v>533</v>
      </c>
      <c r="B83" s="25" t="s">
        <v>229</v>
      </c>
      <c r="C83" s="25" t="s">
        <v>534</v>
      </c>
      <c r="D83" s="25" t="s">
        <v>446</v>
      </c>
      <c r="E83" s="25" t="s">
        <v>83</v>
      </c>
      <c r="F83" s="25" t="s">
        <v>117</v>
      </c>
      <c r="G83" s="25" t="s">
        <v>82</v>
      </c>
      <c r="H83" s="25" t="s">
        <v>118</v>
      </c>
      <c r="J83" s="31" t="s">
        <v>544</v>
      </c>
      <c r="K83" s="31" t="s">
        <v>546</v>
      </c>
      <c r="L83" s="31" t="s">
        <v>550</v>
      </c>
      <c r="M83" s="63" t="s">
        <v>1443</v>
      </c>
      <c r="N83" s="28" t="s">
        <v>151</v>
      </c>
      <c r="O83" s="25" t="s">
        <v>230</v>
      </c>
      <c r="P83" s="25" t="s">
        <v>535</v>
      </c>
    </row>
    <row r="84" spans="1:16" s="25" customFormat="1" x14ac:dyDescent="0.3">
      <c r="A84" s="25" t="s">
        <v>533</v>
      </c>
      <c r="B84" s="25" t="s">
        <v>536</v>
      </c>
      <c r="C84" s="25" t="s">
        <v>537</v>
      </c>
      <c r="D84" s="25" t="s">
        <v>446</v>
      </c>
      <c r="E84" s="25" t="s">
        <v>82</v>
      </c>
      <c r="F84" s="25" t="s">
        <v>538</v>
      </c>
      <c r="G84" s="25" t="s">
        <v>83</v>
      </c>
      <c r="H84" s="25" t="s">
        <v>539</v>
      </c>
      <c r="J84" s="31" t="s">
        <v>540</v>
      </c>
      <c r="K84" s="31" t="s">
        <v>536</v>
      </c>
      <c r="L84" s="31" t="s">
        <v>551</v>
      </c>
      <c r="M84" s="25" t="s">
        <v>1456</v>
      </c>
      <c r="N84" s="28" t="s">
        <v>548</v>
      </c>
      <c r="O84" s="25" t="s">
        <v>541</v>
      </c>
    </row>
    <row r="85" spans="1:16" s="25" customFormat="1" x14ac:dyDescent="0.3">
      <c r="A85" s="25" t="s">
        <v>533</v>
      </c>
      <c r="B85" s="25" t="s">
        <v>542</v>
      </c>
      <c r="C85" s="25" t="s">
        <v>542</v>
      </c>
      <c r="D85" s="25" t="s">
        <v>446</v>
      </c>
      <c r="E85" s="25" t="s">
        <v>83</v>
      </c>
      <c r="F85" s="25" t="s">
        <v>539</v>
      </c>
      <c r="G85" s="25" t="s">
        <v>82</v>
      </c>
      <c r="H85" s="25" t="s">
        <v>543</v>
      </c>
      <c r="J85" s="31" t="s">
        <v>545</v>
      </c>
      <c r="K85" s="31" t="s">
        <v>542</v>
      </c>
      <c r="L85" s="31" t="s">
        <v>552</v>
      </c>
      <c r="M85" s="25" t="s">
        <v>1410</v>
      </c>
      <c r="N85" s="28" t="s">
        <v>547</v>
      </c>
      <c r="O85" s="25" t="s">
        <v>549</v>
      </c>
    </row>
    <row r="86" spans="1:16" s="25" customFormat="1" x14ac:dyDescent="0.3">
      <c r="A86" s="25" t="s">
        <v>1293</v>
      </c>
      <c r="B86" s="25" t="s">
        <v>532</v>
      </c>
      <c r="C86" s="25" t="s">
        <v>1297</v>
      </c>
      <c r="D86" s="25" t="s">
        <v>569</v>
      </c>
      <c r="E86" s="25" t="s">
        <v>747</v>
      </c>
      <c r="F86" s="25" t="s">
        <v>251</v>
      </c>
      <c r="G86" s="25" t="s">
        <v>82</v>
      </c>
      <c r="H86" s="25" t="s">
        <v>253</v>
      </c>
      <c r="J86" s="31" t="s">
        <v>314</v>
      </c>
      <c r="K86" s="31" t="s">
        <v>300</v>
      </c>
      <c r="L86" s="31" t="s">
        <v>578</v>
      </c>
      <c r="M86" s="25" t="s">
        <v>1399</v>
      </c>
      <c r="N86" s="28" t="s">
        <v>567</v>
      </c>
      <c r="O86" s="25" t="s">
        <v>588</v>
      </c>
    </row>
    <row r="87" spans="1:16" s="25" customFormat="1" x14ac:dyDescent="0.3">
      <c r="A87" s="25" t="s">
        <v>568</v>
      </c>
      <c r="B87" s="25" t="s">
        <v>613</v>
      </c>
      <c r="C87" s="25" t="s">
        <v>575</v>
      </c>
      <c r="D87" s="25" t="s">
        <v>569</v>
      </c>
      <c r="E87" s="25" t="s">
        <v>747</v>
      </c>
      <c r="F87" s="25" t="s">
        <v>571</v>
      </c>
      <c r="G87" s="25" t="s">
        <v>82</v>
      </c>
      <c r="H87" s="25" t="s">
        <v>574</v>
      </c>
      <c r="J87" s="31" t="s">
        <v>575</v>
      </c>
      <c r="K87" s="31" t="s">
        <v>577</v>
      </c>
      <c r="L87" s="31" t="s">
        <v>580</v>
      </c>
      <c r="M87" s="25" t="s">
        <v>1400</v>
      </c>
      <c r="N87" s="28" t="s">
        <v>581</v>
      </c>
      <c r="O87" s="25" t="s">
        <v>590</v>
      </c>
    </row>
    <row r="88" spans="1:16" s="25" customFormat="1" x14ac:dyDescent="0.3">
      <c r="A88" s="25" t="s">
        <v>570</v>
      </c>
      <c r="B88" s="25" t="s">
        <v>612</v>
      </c>
      <c r="C88" s="25" t="s">
        <v>575</v>
      </c>
      <c r="D88" s="25" t="s">
        <v>569</v>
      </c>
      <c r="E88" s="25" t="s">
        <v>747</v>
      </c>
      <c r="F88" s="25" t="s">
        <v>572</v>
      </c>
      <c r="G88" s="25" t="s">
        <v>82</v>
      </c>
      <c r="H88" s="25" t="s">
        <v>573</v>
      </c>
      <c r="J88" s="31" t="s">
        <v>575</v>
      </c>
      <c r="K88" s="31" t="s">
        <v>576</v>
      </c>
      <c r="L88" s="31" t="s">
        <v>579</v>
      </c>
      <c r="M88" s="25" t="s">
        <v>1401</v>
      </c>
      <c r="N88" s="28" t="s">
        <v>582</v>
      </c>
      <c r="O88" s="25" t="s">
        <v>589</v>
      </c>
    </row>
    <row r="89" spans="1:16" s="25" customFormat="1" x14ac:dyDescent="0.3">
      <c r="A89" s="25" t="s">
        <v>585</v>
      </c>
      <c r="B89" s="25" t="s">
        <v>614</v>
      </c>
      <c r="C89" s="25" t="s">
        <v>587</v>
      </c>
      <c r="D89" s="25" t="s">
        <v>569</v>
      </c>
      <c r="E89" s="25" t="s">
        <v>747</v>
      </c>
      <c r="F89" s="25" t="s">
        <v>586</v>
      </c>
      <c r="G89" s="25" t="s">
        <v>82</v>
      </c>
      <c r="H89" s="25" t="s">
        <v>1329</v>
      </c>
      <c r="J89" s="31" t="s">
        <v>587</v>
      </c>
      <c r="K89" s="31" t="s">
        <v>587</v>
      </c>
      <c r="L89" s="31" t="s">
        <v>608</v>
      </c>
      <c r="M89" s="25" t="s">
        <v>1402</v>
      </c>
      <c r="N89" s="28" t="s">
        <v>1330</v>
      </c>
      <c r="O89" s="25" t="s">
        <v>591</v>
      </c>
    </row>
    <row r="90" spans="1:16" s="25" customFormat="1" x14ac:dyDescent="0.3">
      <c r="A90" s="25" t="s">
        <v>592</v>
      </c>
      <c r="B90" s="25" t="s">
        <v>593</v>
      </c>
      <c r="C90" s="25" t="s">
        <v>713</v>
      </c>
      <c r="D90" s="25" t="s">
        <v>569</v>
      </c>
      <c r="E90" s="25" t="s">
        <v>82</v>
      </c>
      <c r="F90" s="25" t="s">
        <v>595</v>
      </c>
      <c r="G90" s="25" t="s">
        <v>747</v>
      </c>
      <c r="H90" s="25" t="s">
        <v>598</v>
      </c>
      <c r="J90" s="32" t="s">
        <v>713</v>
      </c>
      <c r="K90" s="31" t="s">
        <v>593</v>
      </c>
      <c r="L90" s="31" t="s">
        <v>600</v>
      </c>
      <c r="M90" s="25" t="s">
        <v>1411</v>
      </c>
      <c r="N90" s="28" t="s">
        <v>601</v>
      </c>
      <c r="O90" s="25" t="s">
        <v>603</v>
      </c>
    </row>
    <row r="91" spans="1:16" s="25" customFormat="1" ht="28.8" x14ac:dyDescent="0.3">
      <c r="A91" s="25" t="s">
        <v>592</v>
      </c>
      <c r="B91" s="25" t="s">
        <v>594</v>
      </c>
      <c r="C91" s="25" t="s">
        <v>1378</v>
      </c>
      <c r="D91" s="25" t="s">
        <v>569</v>
      </c>
      <c r="E91" s="25" t="s">
        <v>82</v>
      </c>
      <c r="F91" s="25" t="s">
        <v>596</v>
      </c>
      <c r="G91" s="25" t="s">
        <v>747</v>
      </c>
      <c r="H91" s="25" t="s">
        <v>597</v>
      </c>
      <c r="J91" s="31" t="s">
        <v>1378</v>
      </c>
      <c r="K91" s="31" t="s">
        <v>594</v>
      </c>
      <c r="L91" s="31" t="s">
        <v>606</v>
      </c>
      <c r="M91" s="25" t="s">
        <v>1429</v>
      </c>
      <c r="N91" s="76" t="s">
        <v>1746</v>
      </c>
      <c r="O91" s="25" t="s">
        <v>604</v>
      </c>
    </row>
    <row r="92" spans="1:16" s="25" customFormat="1" x14ac:dyDescent="0.3">
      <c r="A92" s="25" t="s">
        <v>592</v>
      </c>
      <c r="B92" s="25" t="s">
        <v>712</v>
      </c>
      <c r="C92" s="25" t="s">
        <v>713</v>
      </c>
      <c r="D92" s="25" t="s">
        <v>569</v>
      </c>
      <c r="E92" s="25" t="s">
        <v>747</v>
      </c>
      <c r="F92" s="25" t="s">
        <v>598</v>
      </c>
      <c r="G92" s="25" t="s">
        <v>82</v>
      </c>
      <c r="H92" s="25" t="s">
        <v>607</v>
      </c>
      <c r="J92" s="32" t="s">
        <v>713</v>
      </c>
      <c r="K92" s="31" t="s">
        <v>712</v>
      </c>
      <c r="L92" s="31" t="s">
        <v>599</v>
      </c>
      <c r="M92" s="25" t="s">
        <v>1412</v>
      </c>
      <c r="N92" s="28" t="s">
        <v>602</v>
      </c>
      <c r="O92" s="25" t="s">
        <v>605</v>
      </c>
    </row>
    <row r="93" spans="1:16" s="25" customFormat="1" x14ac:dyDescent="0.3">
      <c r="A93" s="25" t="s">
        <v>257</v>
      </c>
      <c r="B93" s="25" t="s">
        <v>1836</v>
      </c>
      <c r="C93" s="25" t="s">
        <v>1835</v>
      </c>
      <c r="D93" s="25" t="s">
        <v>617</v>
      </c>
      <c r="E93" s="25" t="s">
        <v>82</v>
      </c>
      <c r="F93" s="25" t="s">
        <v>637</v>
      </c>
      <c r="G93" s="25" t="s">
        <v>624</v>
      </c>
      <c r="H93" s="25" t="s">
        <v>625</v>
      </c>
      <c r="J93" s="31" t="s">
        <v>631</v>
      </c>
      <c r="K93" s="31" t="s">
        <v>636</v>
      </c>
      <c r="L93" s="31" t="s">
        <v>638</v>
      </c>
      <c r="M93" s="25" t="s">
        <v>1413</v>
      </c>
      <c r="N93" s="28" t="s">
        <v>639</v>
      </c>
      <c r="O93" s="25" t="s">
        <v>640</v>
      </c>
    </row>
    <row r="94" spans="1:16" s="25" customFormat="1" x14ac:dyDescent="0.3">
      <c r="A94" s="25" t="s">
        <v>257</v>
      </c>
      <c r="B94" s="25" t="s">
        <v>1837</v>
      </c>
      <c r="C94" s="25" t="s">
        <v>1838</v>
      </c>
      <c r="D94" s="25" t="s">
        <v>617</v>
      </c>
      <c r="E94" s="25" t="s">
        <v>624</v>
      </c>
      <c r="F94" s="25" t="s">
        <v>632</v>
      </c>
      <c r="G94" s="25" t="s">
        <v>82</v>
      </c>
      <c r="H94" s="25" t="s">
        <v>583</v>
      </c>
      <c r="I94" s="25">
        <v>1711</v>
      </c>
      <c r="J94" s="31" t="s">
        <v>584</v>
      </c>
      <c r="K94" s="31" t="s">
        <v>641</v>
      </c>
      <c r="L94" s="31" t="s">
        <v>633</v>
      </c>
      <c r="M94" s="25" t="s">
        <v>1403</v>
      </c>
      <c r="N94" s="28" t="s">
        <v>634</v>
      </c>
      <c r="O94" s="25" t="s">
        <v>635</v>
      </c>
    </row>
    <row r="95" spans="1:16" s="25" customFormat="1" x14ac:dyDescent="0.3">
      <c r="A95" s="25" t="s">
        <v>257</v>
      </c>
      <c r="B95" s="25" t="s">
        <v>1839</v>
      </c>
      <c r="C95" s="25" t="s">
        <v>1838</v>
      </c>
      <c r="D95" s="25" t="s">
        <v>1314</v>
      </c>
      <c r="E95" s="25" t="s">
        <v>624</v>
      </c>
      <c r="F95" s="25" t="s">
        <v>632</v>
      </c>
      <c r="G95" s="25" t="s">
        <v>82</v>
      </c>
      <c r="H95" s="25" t="s">
        <v>583</v>
      </c>
      <c r="J95" s="31" t="s">
        <v>584</v>
      </c>
      <c r="K95" s="31" t="s">
        <v>641</v>
      </c>
      <c r="L95" s="31" t="s">
        <v>633</v>
      </c>
      <c r="M95" s="25" t="s">
        <v>1403</v>
      </c>
      <c r="N95" s="28" t="s">
        <v>1315</v>
      </c>
      <c r="O95" s="25" t="s">
        <v>1316</v>
      </c>
    </row>
    <row r="96" spans="1:16" s="25" customFormat="1" x14ac:dyDescent="0.3">
      <c r="A96" s="25" t="s">
        <v>592</v>
      </c>
      <c r="B96" s="25" t="s">
        <v>616</v>
      </c>
      <c r="C96" s="25" t="s">
        <v>713</v>
      </c>
      <c r="D96" s="25" t="s">
        <v>617</v>
      </c>
      <c r="E96" s="25" t="s">
        <v>82</v>
      </c>
      <c r="F96" s="25" t="s">
        <v>618</v>
      </c>
      <c r="G96" s="25" t="s">
        <v>747</v>
      </c>
      <c r="H96" s="25" t="s">
        <v>619</v>
      </c>
      <c r="J96" s="31" t="s">
        <v>713</v>
      </c>
      <c r="K96" s="31" t="s">
        <v>616</v>
      </c>
      <c r="L96" s="31" t="s">
        <v>620</v>
      </c>
      <c r="M96" s="25" t="s">
        <v>1458</v>
      </c>
      <c r="N96" s="28" t="s">
        <v>151</v>
      </c>
      <c r="O96" s="25" t="s">
        <v>621</v>
      </c>
    </row>
    <row r="97" spans="1:16" s="25" customFormat="1" x14ac:dyDescent="0.3">
      <c r="A97" s="25" t="s">
        <v>622</v>
      </c>
      <c r="B97" s="54" t="s">
        <v>1840</v>
      </c>
      <c r="C97" s="25" t="s">
        <v>1841</v>
      </c>
      <c r="D97" s="25" t="s">
        <v>617</v>
      </c>
      <c r="E97" s="25" t="s">
        <v>82</v>
      </c>
      <c r="F97" s="25" t="s">
        <v>219</v>
      </c>
      <c r="G97" s="25" t="s">
        <v>624</v>
      </c>
      <c r="H97" s="25" t="s">
        <v>625</v>
      </c>
      <c r="J97" s="31" t="s">
        <v>623</v>
      </c>
      <c r="K97" s="31" t="s">
        <v>514</v>
      </c>
      <c r="L97" s="31" t="s">
        <v>642</v>
      </c>
      <c r="M97" s="25" t="s">
        <v>1413</v>
      </c>
      <c r="N97" s="28" t="s">
        <v>626</v>
      </c>
      <c r="O97" s="25" t="s">
        <v>627</v>
      </c>
      <c r="P97" s="25" t="s">
        <v>628</v>
      </c>
    </row>
    <row r="98" spans="1:16" s="25" customFormat="1" x14ac:dyDescent="0.3">
      <c r="A98" s="25" t="s">
        <v>257</v>
      </c>
      <c r="B98" s="25" t="s">
        <v>1842</v>
      </c>
      <c r="C98" s="25" t="s">
        <v>1838</v>
      </c>
      <c r="D98" s="25" t="s">
        <v>617</v>
      </c>
      <c r="E98" s="25" t="s">
        <v>82</v>
      </c>
      <c r="F98" s="25" t="s">
        <v>14</v>
      </c>
      <c r="G98" s="25" t="s">
        <v>624</v>
      </c>
      <c r="H98" s="25" t="s">
        <v>625</v>
      </c>
      <c r="J98" s="31" t="s">
        <v>584</v>
      </c>
      <c r="K98" s="31" t="s">
        <v>519</v>
      </c>
      <c r="L98" s="31" t="s">
        <v>643</v>
      </c>
      <c r="M98" s="25" t="s">
        <v>1413</v>
      </c>
      <c r="N98" s="28" t="s">
        <v>629</v>
      </c>
      <c r="O98" s="25" t="s">
        <v>630</v>
      </c>
    </row>
    <row r="99" spans="1:16" s="25" customFormat="1" x14ac:dyDescent="0.3">
      <c r="A99" s="25" t="s">
        <v>1471</v>
      </c>
      <c r="B99" t="s">
        <v>516</v>
      </c>
      <c r="C99" s="25" t="s">
        <v>667</v>
      </c>
      <c r="D99" s="25" t="s">
        <v>617</v>
      </c>
      <c r="E99" s="25" t="s">
        <v>82</v>
      </c>
      <c r="F99" s="25" t="s">
        <v>6</v>
      </c>
      <c r="G99" s="25" t="s">
        <v>670</v>
      </c>
      <c r="H99" s="25" t="s">
        <v>671</v>
      </c>
      <c r="J99" s="25" t="s">
        <v>667</v>
      </c>
      <c r="K99" t="s">
        <v>516</v>
      </c>
      <c r="L99" s="31" t="s">
        <v>1363</v>
      </c>
      <c r="M99" s="25" t="s">
        <v>1417</v>
      </c>
      <c r="N99" s="28" t="s">
        <v>151</v>
      </c>
      <c r="O99" s="25" t="s">
        <v>678</v>
      </c>
    </row>
    <row r="100" spans="1:16" s="25" customFormat="1" x14ac:dyDescent="0.3">
      <c r="A100" s="32" t="s">
        <v>258</v>
      </c>
      <c r="B100" t="s">
        <v>483</v>
      </c>
      <c r="C100" s="25" t="s">
        <v>484</v>
      </c>
      <c r="D100" s="25" t="s">
        <v>617</v>
      </c>
      <c r="E100" s="32" t="s">
        <v>82</v>
      </c>
      <c r="F100" s="32" t="s">
        <v>672</v>
      </c>
      <c r="G100" s="32" t="s">
        <v>670</v>
      </c>
      <c r="H100" s="32" t="s">
        <v>673</v>
      </c>
      <c r="I100" s="32"/>
      <c r="J100" s="25" t="s">
        <v>484</v>
      </c>
      <c r="K100" t="s">
        <v>483</v>
      </c>
      <c r="L100" s="34" t="s">
        <v>1364</v>
      </c>
      <c r="M100" s="32" t="s">
        <v>1411</v>
      </c>
      <c r="N100" s="35" t="s">
        <v>1488</v>
      </c>
      <c r="O100" s="32" t="s">
        <v>679</v>
      </c>
    </row>
    <row r="101" spans="1:16" s="25" customFormat="1" x14ac:dyDescent="0.3">
      <c r="A101" s="25" t="s">
        <v>1471</v>
      </c>
      <c r="B101" t="s">
        <v>342</v>
      </c>
      <c r="C101" s="25" t="s">
        <v>667</v>
      </c>
      <c r="D101" s="25" t="s">
        <v>617</v>
      </c>
      <c r="E101" s="32" t="s">
        <v>670</v>
      </c>
      <c r="F101" s="32" t="s">
        <v>674</v>
      </c>
      <c r="G101" s="32" t="s">
        <v>82</v>
      </c>
      <c r="H101" s="32" t="s">
        <v>32</v>
      </c>
      <c r="I101" s="32"/>
      <c r="J101" s="25" t="s">
        <v>667</v>
      </c>
      <c r="K101" t="s">
        <v>342</v>
      </c>
      <c r="L101" s="34" t="s">
        <v>1365</v>
      </c>
      <c r="M101" s="32" t="s">
        <v>1418</v>
      </c>
      <c r="N101" s="35" t="s">
        <v>818</v>
      </c>
      <c r="O101" s="32" t="s">
        <v>681</v>
      </c>
    </row>
    <row r="102" spans="1:16" s="25" customFormat="1" x14ac:dyDescent="0.3">
      <c r="A102" s="25" t="s">
        <v>1471</v>
      </c>
      <c r="B102" t="s">
        <v>528</v>
      </c>
      <c r="C102" s="25" t="s">
        <v>667</v>
      </c>
      <c r="D102" s="25" t="s">
        <v>617</v>
      </c>
      <c r="E102" s="32" t="s">
        <v>670</v>
      </c>
      <c r="F102" s="32" t="s">
        <v>675</v>
      </c>
      <c r="G102" s="32" t="s">
        <v>82</v>
      </c>
      <c r="H102" s="32" t="s">
        <v>33</v>
      </c>
      <c r="I102" s="32"/>
      <c r="J102" s="25" t="s">
        <v>667</v>
      </c>
      <c r="K102" t="s">
        <v>528</v>
      </c>
      <c r="L102" s="34" t="s">
        <v>1366</v>
      </c>
      <c r="M102" s="32" t="s">
        <v>1419</v>
      </c>
      <c r="N102" s="35" t="s">
        <v>819</v>
      </c>
      <c r="O102" s="32" t="s">
        <v>682</v>
      </c>
    </row>
    <row r="103" spans="1:16" s="25" customFormat="1" x14ac:dyDescent="0.3">
      <c r="A103" s="32" t="s">
        <v>677</v>
      </c>
      <c r="B103" t="s">
        <v>482</v>
      </c>
      <c r="C103" s="25" t="s">
        <v>1749</v>
      </c>
      <c r="D103" s="25" t="s">
        <v>617</v>
      </c>
      <c r="E103" s="32" t="s">
        <v>670</v>
      </c>
      <c r="F103" s="32" t="s">
        <v>115</v>
      </c>
      <c r="G103" s="32" t="s">
        <v>82</v>
      </c>
      <c r="H103" s="32" t="s">
        <v>676</v>
      </c>
      <c r="I103" s="32"/>
      <c r="J103" s="25" t="s">
        <v>495</v>
      </c>
      <c r="K103" t="s">
        <v>482</v>
      </c>
      <c r="L103" s="34" t="s">
        <v>1367</v>
      </c>
      <c r="M103" s="32" t="s">
        <v>1389</v>
      </c>
      <c r="N103" s="35" t="s">
        <v>1489</v>
      </c>
      <c r="O103" s="32" t="s">
        <v>683</v>
      </c>
    </row>
    <row r="104" spans="1:16" s="25" customFormat="1" ht="28.8" x14ac:dyDescent="0.3">
      <c r="A104" s="64" t="s">
        <v>1356</v>
      </c>
      <c r="B104" t="s">
        <v>1350</v>
      </c>
      <c r="C104" s="64" t="s">
        <v>1351</v>
      </c>
      <c r="D104" s="32" t="s">
        <v>617</v>
      </c>
      <c r="E104" s="32" t="s">
        <v>670</v>
      </c>
      <c r="F104" s="32" t="s">
        <v>110</v>
      </c>
      <c r="G104" s="32" t="s">
        <v>82</v>
      </c>
      <c r="H104" s="64" t="s">
        <v>1352</v>
      </c>
      <c r="I104" s="32"/>
      <c r="J104" s="38" t="s">
        <v>1351</v>
      </c>
      <c r="K104" s="38" t="s">
        <v>1353</v>
      </c>
      <c r="L104" s="34" t="s">
        <v>1368</v>
      </c>
      <c r="M104" s="64" t="s">
        <v>1420</v>
      </c>
      <c r="N104" s="65" t="s">
        <v>1354</v>
      </c>
      <c r="O104" s="32" t="s">
        <v>684</v>
      </c>
      <c r="P104" s="64" t="s">
        <v>1355</v>
      </c>
    </row>
    <row r="105" spans="1:16" s="25" customFormat="1" x14ac:dyDescent="0.3">
      <c r="A105" s="25" t="s">
        <v>1471</v>
      </c>
      <c r="B105" s="25" t="s">
        <v>1843</v>
      </c>
      <c r="C105" s="25" t="s">
        <v>1844</v>
      </c>
      <c r="D105" s="25" t="s">
        <v>645</v>
      </c>
      <c r="E105" s="25" t="s">
        <v>82</v>
      </c>
      <c r="F105" s="25" t="s">
        <v>8</v>
      </c>
      <c r="G105" s="25" t="s">
        <v>624</v>
      </c>
      <c r="H105" s="25" t="s">
        <v>646</v>
      </c>
      <c r="J105" s="31" t="s">
        <v>644</v>
      </c>
      <c r="K105" s="31" t="s">
        <v>517</v>
      </c>
      <c r="L105" s="31" t="s">
        <v>662</v>
      </c>
      <c r="M105" s="25" t="s">
        <v>1414</v>
      </c>
      <c r="N105" s="28" t="s">
        <v>647</v>
      </c>
      <c r="O105" s="25" t="s">
        <v>648</v>
      </c>
    </row>
    <row r="106" spans="1:16" s="25" customFormat="1" x14ac:dyDescent="0.3">
      <c r="A106" s="25" t="s">
        <v>1471</v>
      </c>
      <c r="B106" s="25" t="s">
        <v>1845</v>
      </c>
      <c r="C106" s="25" t="s">
        <v>1844</v>
      </c>
      <c r="D106" s="25" t="s">
        <v>645</v>
      </c>
      <c r="E106" s="25" t="s">
        <v>82</v>
      </c>
      <c r="F106" s="25" t="s">
        <v>9</v>
      </c>
      <c r="G106" s="25" t="s">
        <v>624</v>
      </c>
      <c r="H106" s="25" t="s">
        <v>646</v>
      </c>
      <c r="J106" s="31" t="s">
        <v>644</v>
      </c>
      <c r="K106" s="31" t="s">
        <v>515</v>
      </c>
      <c r="L106" s="31" t="s">
        <v>661</v>
      </c>
      <c r="M106" s="25" t="s">
        <v>1414</v>
      </c>
      <c r="N106" s="28" t="s">
        <v>649</v>
      </c>
      <c r="O106" s="25" t="s">
        <v>650</v>
      </c>
    </row>
    <row r="107" spans="1:16" s="25" customFormat="1" x14ac:dyDescent="0.3">
      <c r="A107" s="25" t="s">
        <v>258</v>
      </c>
      <c r="B107" s="25" t="s">
        <v>1846</v>
      </c>
      <c r="C107" s="25" t="s">
        <v>1847</v>
      </c>
      <c r="D107" s="25" t="s">
        <v>645</v>
      </c>
      <c r="E107" s="25" t="s">
        <v>82</v>
      </c>
      <c r="F107" s="25" t="s">
        <v>17</v>
      </c>
      <c r="G107" s="25" t="s">
        <v>624</v>
      </c>
      <c r="H107" s="25" t="s">
        <v>625</v>
      </c>
      <c r="J107" s="31" t="s">
        <v>651</v>
      </c>
      <c r="K107" s="31" t="s">
        <v>521</v>
      </c>
      <c r="L107" s="31" t="s">
        <v>660</v>
      </c>
      <c r="M107" s="25" t="s">
        <v>1413</v>
      </c>
      <c r="N107" s="28" t="s">
        <v>1237</v>
      </c>
      <c r="O107" s="25" t="s">
        <v>652</v>
      </c>
    </row>
    <row r="108" spans="1:16" s="25" customFormat="1" x14ac:dyDescent="0.3">
      <c r="A108" s="25" t="s">
        <v>622</v>
      </c>
      <c r="B108" s="25" t="s">
        <v>1848</v>
      </c>
      <c r="C108" s="25" t="s">
        <v>1849</v>
      </c>
      <c r="D108" s="25" t="s">
        <v>657</v>
      </c>
      <c r="E108" s="25" t="s">
        <v>624</v>
      </c>
      <c r="F108" s="25" t="s">
        <v>668</v>
      </c>
      <c r="G108" s="25" t="s">
        <v>82</v>
      </c>
      <c r="H108" s="25" t="s">
        <v>30</v>
      </c>
      <c r="J108" s="31" t="s">
        <v>655</v>
      </c>
      <c r="K108" s="31" t="s">
        <v>654</v>
      </c>
      <c r="L108" s="31" t="s">
        <v>659</v>
      </c>
      <c r="M108" s="25" t="s">
        <v>1415</v>
      </c>
      <c r="N108" s="28" t="s">
        <v>664</v>
      </c>
      <c r="O108" s="25" t="s">
        <v>666</v>
      </c>
    </row>
    <row r="109" spans="1:16" s="25" customFormat="1" x14ac:dyDescent="0.3">
      <c r="A109" s="25" t="s">
        <v>622</v>
      </c>
      <c r="B109" s="25" t="s">
        <v>1850</v>
      </c>
      <c r="C109" s="25" t="s">
        <v>1849</v>
      </c>
      <c r="D109" s="25" t="s">
        <v>657</v>
      </c>
      <c r="E109" s="25" t="s">
        <v>82</v>
      </c>
      <c r="F109" s="25" t="s">
        <v>669</v>
      </c>
      <c r="G109" s="25" t="s">
        <v>624</v>
      </c>
      <c r="H109" s="25" t="s">
        <v>625</v>
      </c>
      <c r="J109" s="31" t="s">
        <v>655</v>
      </c>
      <c r="K109" s="31" t="s">
        <v>656</v>
      </c>
      <c r="L109" s="31" t="s">
        <v>658</v>
      </c>
      <c r="M109" s="25" t="s">
        <v>1416</v>
      </c>
      <c r="N109" s="28" t="s">
        <v>663</v>
      </c>
      <c r="O109" s="25" t="s">
        <v>665</v>
      </c>
    </row>
    <row r="110" spans="1:16" s="25" customFormat="1" ht="43.2" x14ac:dyDescent="0.3">
      <c r="A110" s="32" t="s">
        <v>680</v>
      </c>
      <c r="B110" s="37" t="s">
        <v>424</v>
      </c>
      <c r="C110" s="54" t="s">
        <v>1263</v>
      </c>
      <c r="D110" s="32" t="s">
        <v>657</v>
      </c>
      <c r="E110" s="32" t="s">
        <v>82</v>
      </c>
      <c r="F110" s="32" t="s">
        <v>20</v>
      </c>
      <c r="G110" s="32" t="s">
        <v>670</v>
      </c>
      <c r="H110" s="32" t="s">
        <v>673</v>
      </c>
      <c r="I110" s="32"/>
      <c r="J110" s="25" t="s">
        <v>486</v>
      </c>
      <c r="K110" s="34" t="s">
        <v>424</v>
      </c>
      <c r="L110" s="34" t="s">
        <v>1369</v>
      </c>
      <c r="M110" s="32" t="s">
        <v>1411</v>
      </c>
      <c r="N110" s="35" t="s">
        <v>700</v>
      </c>
      <c r="O110" s="32" t="s">
        <v>691</v>
      </c>
    </row>
    <row r="111" spans="1:16" s="25" customFormat="1" x14ac:dyDescent="0.3">
      <c r="A111" s="32" t="s">
        <v>707</v>
      </c>
      <c r="B111" s="33" t="s">
        <v>1349</v>
      </c>
      <c r="C111" s="33" t="s">
        <v>1337</v>
      </c>
      <c r="D111" s="32" t="s">
        <v>657</v>
      </c>
      <c r="E111" s="32" t="s">
        <v>82</v>
      </c>
      <c r="F111" s="32" t="s">
        <v>99</v>
      </c>
      <c r="G111" s="32" t="s">
        <v>670</v>
      </c>
      <c r="H111" s="32" t="s">
        <v>706</v>
      </c>
      <c r="I111" s="32"/>
      <c r="J111" s="25" t="s">
        <v>1337</v>
      </c>
      <c r="K111" s="34" t="s">
        <v>1349</v>
      </c>
      <c r="L111" s="34" t="s">
        <v>1370</v>
      </c>
      <c r="M111" s="32" t="s">
        <v>1411</v>
      </c>
      <c r="N111" s="35" t="s">
        <v>701</v>
      </c>
      <c r="O111" s="32" t="s">
        <v>692</v>
      </c>
    </row>
    <row r="112" spans="1:16" s="25" customFormat="1" x14ac:dyDescent="0.3">
      <c r="A112" s="32" t="s">
        <v>707</v>
      </c>
      <c r="B112" s="33" t="s">
        <v>1357</v>
      </c>
      <c r="C112" s="25" t="s">
        <v>1337</v>
      </c>
      <c r="D112" s="32" t="s">
        <v>657</v>
      </c>
      <c r="E112" s="32" t="s">
        <v>670</v>
      </c>
      <c r="F112" s="32" t="s">
        <v>112</v>
      </c>
      <c r="G112" s="32" t="s">
        <v>82</v>
      </c>
      <c r="H112" s="32" t="s">
        <v>113</v>
      </c>
      <c r="I112" s="32">
        <v>1802</v>
      </c>
      <c r="J112" s="25" t="s">
        <v>689</v>
      </c>
      <c r="K112" s="34" t="s">
        <v>686</v>
      </c>
      <c r="L112" s="34" t="s">
        <v>1371</v>
      </c>
      <c r="M112" s="32" t="s">
        <v>1387</v>
      </c>
      <c r="N112" s="35" t="s">
        <v>702</v>
      </c>
      <c r="O112" s="32" t="s">
        <v>693</v>
      </c>
    </row>
    <row r="113" spans="1:16" s="25" customFormat="1" x14ac:dyDescent="0.3">
      <c r="A113" s="25" t="s">
        <v>677</v>
      </c>
      <c r="B113" s="36" t="s">
        <v>526</v>
      </c>
      <c r="C113" s="25" t="s">
        <v>690</v>
      </c>
      <c r="D113" s="32" t="s">
        <v>657</v>
      </c>
      <c r="E113" s="32" t="s">
        <v>670</v>
      </c>
      <c r="F113" s="32" t="s">
        <v>708</v>
      </c>
      <c r="G113" s="32" t="s">
        <v>82</v>
      </c>
      <c r="H113" s="32" t="s">
        <v>709</v>
      </c>
      <c r="I113" s="32"/>
      <c r="J113" s="25" t="s">
        <v>690</v>
      </c>
      <c r="K113" s="34" t="s">
        <v>526</v>
      </c>
      <c r="L113" s="34" t="s">
        <v>1372</v>
      </c>
      <c r="M113" s="32" t="s">
        <v>1421</v>
      </c>
      <c r="N113" s="35" t="s">
        <v>703</v>
      </c>
      <c r="O113" s="32" t="s">
        <v>694</v>
      </c>
    </row>
    <row r="114" spans="1:16" s="25" customFormat="1" x14ac:dyDescent="0.3">
      <c r="A114" s="32" t="s">
        <v>258</v>
      </c>
      <c r="B114" s="36" t="s">
        <v>439</v>
      </c>
      <c r="C114" s="25" t="s">
        <v>500</v>
      </c>
      <c r="D114" s="32" t="s">
        <v>657</v>
      </c>
      <c r="E114" s="32" t="s">
        <v>82</v>
      </c>
      <c r="F114" s="32" t="s">
        <v>93</v>
      </c>
      <c r="G114" s="32" t="s">
        <v>670</v>
      </c>
      <c r="H114" s="32" t="s">
        <v>94</v>
      </c>
      <c r="I114" s="32"/>
      <c r="J114" s="25" t="s">
        <v>500</v>
      </c>
      <c r="K114" s="34" t="s">
        <v>439</v>
      </c>
      <c r="L114" s="34" t="s">
        <v>1373</v>
      </c>
      <c r="M114" s="32" t="s">
        <v>1422</v>
      </c>
      <c r="N114" s="35" t="s">
        <v>704</v>
      </c>
      <c r="O114" s="32" t="s">
        <v>695</v>
      </c>
    </row>
    <row r="115" spans="1:16" s="25" customFormat="1" x14ac:dyDescent="0.3">
      <c r="A115" s="32" t="s">
        <v>680</v>
      </c>
      <c r="B115" s="36" t="s">
        <v>429</v>
      </c>
      <c r="C115" s="25" t="s">
        <v>488</v>
      </c>
      <c r="D115" s="32" t="s">
        <v>657</v>
      </c>
      <c r="E115" s="32" t="s">
        <v>82</v>
      </c>
      <c r="F115" s="32" t="s">
        <v>710</v>
      </c>
      <c r="G115" s="32" t="s">
        <v>670</v>
      </c>
      <c r="H115" s="32" t="s">
        <v>711</v>
      </c>
      <c r="I115" s="32"/>
      <c r="J115" s="25" t="s">
        <v>488</v>
      </c>
      <c r="K115" s="34" t="s">
        <v>429</v>
      </c>
      <c r="L115" s="34" t="s">
        <v>1272</v>
      </c>
      <c r="M115" s="32" t="s">
        <v>1405</v>
      </c>
      <c r="N115" s="35" t="s">
        <v>705</v>
      </c>
      <c r="O115" s="32" t="s">
        <v>696</v>
      </c>
    </row>
    <row r="116" spans="1:16" s="25" customFormat="1" ht="43.2" x14ac:dyDescent="0.3">
      <c r="A116" s="32" t="s">
        <v>680</v>
      </c>
      <c r="B116" s="37" t="s">
        <v>687</v>
      </c>
      <c r="C116" s="54" t="s">
        <v>1332</v>
      </c>
      <c r="D116" s="32" t="s">
        <v>657</v>
      </c>
      <c r="E116" s="32" t="s">
        <v>82</v>
      </c>
      <c r="F116" s="32" t="s">
        <v>209</v>
      </c>
      <c r="G116" s="32" t="s">
        <v>670</v>
      </c>
      <c r="H116" s="25" t="s">
        <v>463</v>
      </c>
      <c r="I116" s="32"/>
      <c r="J116" s="54" t="s">
        <v>1332</v>
      </c>
      <c r="K116" s="34" t="s">
        <v>687</v>
      </c>
      <c r="L116" s="34" t="s">
        <v>1374</v>
      </c>
      <c r="M116" s="32" t="s">
        <v>1423</v>
      </c>
      <c r="N116" s="65" t="s">
        <v>1560</v>
      </c>
      <c r="O116" s="32" t="s">
        <v>697</v>
      </c>
    </row>
    <row r="117" spans="1:16" s="25" customFormat="1" ht="28.8" x14ac:dyDescent="0.3">
      <c r="A117" s="32" t="s">
        <v>258</v>
      </c>
      <c r="B117" s="33" t="s">
        <v>789</v>
      </c>
      <c r="C117" s="25" t="s">
        <v>790</v>
      </c>
      <c r="D117" s="32" t="s">
        <v>657</v>
      </c>
      <c r="E117" s="32" t="s">
        <v>82</v>
      </c>
      <c r="F117" s="32" t="s">
        <v>97</v>
      </c>
      <c r="G117" s="32" t="s">
        <v>670</v>
      </c>
      <c r="H117" s="25" t="s">
        <v>463</v>
      </c>
      <c r="I117" s="32"/>
      <c r="J117" s="25" t="s">
        <v>790</v>
      </c>
      <c r="K117" s="38" t="s">
        <v>791</v>
      </c>
      <c r="L117" s="34" t="s">
        <v>1375</v>
      </c>
      <c r="M117" s="32" t="s">
        <v>1423</v>
      </c>
      <c r="N117" s="65" t="s">
        <v>1561</v>
      </c>
      <c r="O117" s="32" t="s">
        <v>698</v>
      </c>
    </row>
    <row r="118" spans="1:16" s="25" customFormat="1" ht="28.8" x14ac:dyDescent="0.3">
      <c r="A118" s="32" t="s">
        <v>707</v>
      </c>
      <c r="B118" s="33" t="s">
        <v>688</v>
      </c>
      <c r="C118" s="25" t="s">
        <v>1756</v>
      </c>
      <c r="D118" s="32" t="s">
        <v>657</v>
      </c>
      <c r="E118" s="32" t="s">
        <v>82</v>
      </c>
      <c r="F118" s="32" t="s">
        <v>506</v>
      </c>
      <c r="G118" s="32" t="s">
        <v>670</v>
      </c>
      <c r="H118" s="25" t="s">
        <v>463</v>
      </c>
      <c r="I118" s="32"/>
      <c r="J118" s="25" t="s">
        <v>464</v>
      </c>
      <c r="K118" s="34" t="s">
        <v>688</v>
      </c>
      <c r="L118" s="34" t="s">
        <v>1376</v>
      </c>
      <c r="M118" s="32" t="s">
        <v>1423</v>
      </c>
      <c r="N118" s="65" t="s">
        <v>1562</v>
      </c>
      <c r="O118" s="32" t="s">
        <v>699</v>
      </c>
    </row>
    <row r="119" spans="1:16" s="25" customFormat="1" x14ac:dyDescent="0.3">
      <c r="A119" s="32" t="s">
        <v>592</v>
      </c>
      <c r="B119" s="36" t="s">
        <v>714</v>
      </c>
      <c r="C119" s="32" t="s">
        <v>713</v>
      </c>
      <c r="D119" s="32" t="s">
        <v>657</v>
      </c>
      <c r="E119" s="32" t="s">
        <v>82</v>
      </c>
      <c r="F119" s="32" t="s">
        <v>715</v>
      </c>
      <c r="G119" s="25" t="s">
        <v>747</v>
      </c>
      <c r="H119" s="32" t="s">
        <v>716</v>
      </c>
      <c r="I119" s="32"/>
      <c r="J119" s="32" t="s">
        <v>713</v>
      </c>
      <c r="K119" s="34" t="s">
        <v>714</v>
      </c>
      <c r="L119" s="34" t="s">
        <v>717</v>
      </c>
      <c r="M119" s="32" t="s">
        <v>1411</v>
      </c>
      <c r="N119" s="35" t="s">
        <v>718</v>
      </c>
      <c r="O119" s="32" t="s">
        <v>719</v>
      </c>
    </row>
    <row r="120" spans="1:16" s="25" customFormat="1" x14ac:dyDescent="0.3">
      <c r="A120" s="32" t="s">
        <v>677</v>
      </c>
      <c r="B120" s="36" t="s">
        <v>785</v>
      </c>
      <c r="C120" s="32" t="s">
        <v>495</v>
      </c>
      <c r="D120" s="32" t="s">
        <v>657</v>
      </c>
      <c r="E120" s="32" t="s">
        <v>82</v>
      </c>
      <c r="F120" s="32" t="s">
        <v>720</v>
      </c>
      <c r="G120" s="25" t="s">
        <v>747</v>
      </c>
      <c r="H120" s="32" t="s">
        <v>721</v>
      </c>
      <c r="I120" s="32"/>
      <c r="J120" s="34" t="s">
        <v>495</v>
      </c>
      <c r="K120" s="34" t="s">
        <v>785</v>
      </c>
      <c r="L120" s="34" t="s">
        <v>722</v>
      </c>
      <c r="M120" s="32" t="s">
        <v>1411</v>
      </c>
      <c r="N120" s="35" t="s">
        <v>723</v>
      </c>
      <c r="O120" s="32" t="s">
        <v>724</v>
      </c>
    </row>
    <row r="121" spans="1:16" s="25" customFormat="1" x14ac:dyDescent="0.3">
      <c r="A121" s="25" t="s">
        <v>677</v>
      </c>
      <c r="B121" s="36" t="s">
        <v>526</v>
      </c>
      <c r="C121" s="32" t="s">
        <v>690</v>
      </c>
      <c r="D121" s="32" t="s">
        <v>657</v>
      </c>
      <c r="E121" s="25" t="s">
        <v>747</v>
      </c>
      <c r="F121" s="32" t="s">
        <v>708</v>
      </c>
      <c r="G121" s="32" t="s">
        <v>82</v>
      </c>
      <c r="H121" s="32" t="s">
        <v>709</v>
      </c>
      <c r="I121" s="32"/>
      <c r="J121" s="34" t="s">
        <v>690</v>
      </c>
      <c r="K121" s="36" t="s">
        <v>526</v>
      </c>
      <c r="L121" s="34" t="s">
        <v>726</v>
      </c>
      <c r="M121" s="32" t="s">
        <v>1421</v>
      </c>
      <c r="N121" s="35" t="s">
        <v>725</v>
      </c>
      <c r="O121" s="32" t="s">
        <v>727</v>
      </c>
    </row>
    <row r="122" spans="1:16" s="25" customFormat="1" x14ac:dyDescent="0.3">
      <c r="A122" s="32" t="s">
        <v>735</v>
      </c>
      <c r="B122" s="33" t="s">
        <v>734</v>
      </c>
      <c r="C122" s="32" t="s">
        <v>733</v>
      </c>
      <c r="D122" s="32" t="s">
        <v>657</v>
      </c>
      <c r="E122" s="25" t="s">
        <v>747</v>
      </c>
      <c r="F122" s="32" t="s">
        <v>730</v>
      </c>
      <c r="G122" s="32" t="s">
        <v>82</v>
      </c>
      <c r="H122" s="32" t="s">
        <v>729</v>
      </c>
      <c r="I122" s="32"/>
      <c r="J122" s="34" t="s">
        <v>733</v>
      </c>
      <c r="K122" s="34" t="s">
        <v>734</v>
      </c>
      <c r="L122" s="34" t="s">
        <v>732</v>
      </c>
      <c r="M122" s="32" t="s">
        <v>1424</v>
      </c>
      <c r="N122" s="35" t="s">
        <v>731</v>
      </c>
      <c r="O122" s="32" t="s">
        <v>728</v>
      </c>
    </row>
    <row r="123" spans="1:16" s="25" customFormat="1" x14ac:dyDescent="0.3">
      <c r="A123" s="32" t="s">
        <v>259</v>
      </c>
      <c r="B123" s="36" t="s">
        <v>525</v>
      </c>
      <c r="C123" s="32" t="s">
        <v>738</v>
      </c>
      <c r="D123" s="32" t="s">
        <v>657</v>
      </c>
      <c r="E123" s="32" t="s">
        <v>83</v>
      </c>
      <c r="F123" s="32" t="s">
        <v>539</v>
      </c>
      <c r="G123" s="32" t="s">
        <v>82</v>
      </c>
      <c r="H123" s="25" t="s">
        <v>35</v>
      </c>
      <c r="I123" s="32"/>
      <c r="J123" s="31" t="s">
        <v>196</v>
      </c>
      <c r="K123" s="31" t="s">
        <v>289</v>
      </c>
      <c r="L123" s="34" t="s">
        <v>739</v>
      </c>
      <c r="M123" s="25" t="s">
        <v>1425</v>
      </c>
      <c r="N123" s="25" t="s">
        <v>740</v>
      </c>
      <c r="O123" s="32" t="s">
        <v>741</v>
      </c>
    </row>
    <row r="124" spans="1:16" s="25" customFormat="1" x14ac:dyDescent="0.3">
      <c r="A124" s="32" t="s">
        <v>257</v>
      </c>
      <c r="B124" s="33" t="s">
        <v>743</v>
      </c>
      <c r="C124" s="32" t="s">
        <v>631</v>
      </c>
      <c r="D124" s="32" t="s">
        <v>657</v>
      </c>
      <c r="E124" s="32" t="s">
        <v>82</v>
      </c>
      <c r="F124" s="32" t="s">
        <v>744</v>
      </c>
      <c r="G124" s="32" t="s">
        <v>83</v>
      </c>
      <c r="H124" s="32" t="s">
        <v>119</v>
      </c>
      <c r="I124" s="32"/>
      <c r="J124" s="34" t="s">
        <v>631</v>
      </c>
      <c r="K124" s="34" t="s">
        <v>743</v>
      </c>
      <c r="L124" s="34" t="s">
        <v>745</v>
      </c>
      <c r="M124" s="32" t="s">
        <v>1426</v>
      </c>
      <c r="N124" s="35" t="s">
        <v>566</v>
      </c>
      <c r="O124" s="32" t="s">
        <v>746</v>
      </c>
    </row>
    <row r="125" spans="1:16" s="25" customFormat="1" x14ac:dyDescent="0.3">
      <c r="A125" s="32" t="s">
        <v>622</v>
      </c>
      <c r="B125" s="33" t="s">
        <v>758</v>
      </c>
      <c r="C125" s="32" t="s">
        <v>759</v>
      </c>
      <c r="D125" s="32" t="s">
        <v>760</v>
      </c>
      <c r="E125" s="32" t="s">
        <v>82</v>
      </c>
      <c r="F125" s="32" t="s">
        <v>761</v>
      </c>
      <c r="G125" s="32" t="s">
        <v>83</v>
      </c>
      <c r="H125" s="32" t="s">
        <v>119</v>
      </c>
      <c r="I125" s="32"/>
      <c r="J125" s="34" t="s">
        <v>759</v>
      </c>
      <c r="K125" s="34" t="s">
        <v>758</v>
      </c>
      <c r="L125" s="34" t="s">
        <v>762</v>
      </c>
      <c r="M125" s="32" t="s">
        <v>1426</v>
      </c>
      <c r="N125" s="35" t="s">
        <v>566</v>
      </c>
      <c r="O125" s="32" t="s">
        <v>763</v>
      </c>
    </row>
    <row r="126" spans="1:16" s="25" customFormat="1" x14ac:dyDescent="0.3">
      <c r="A126" s="32" t="s">
        <v>622</v>
      </c>
      <c r="B126" s="36" t="s">
        <v>736</v>
      </c>
      <c r="C126" s="32" t="s">
        <v>655</v>
      </c>
      <c r="D126" s="32" t="s">
        <v>760</v>
      </c>
      <c r="E126" s="32" t="s">
        <v>82</v>
      </c>
      <c r="F126" s="32" t="s">
        <v>117</v>
      </c>
      <c r="G126" s="25" t="s">
        <v>83</v>
      </c>
      <c r="H126" s="32" t="s">
        <v>764</v>
      </c>
      <c r="I126" s="32"/>
      <c r="J126" s="34" t="s">
        <v>655</v>
      </c>
      <c r="K126" s="36" t="s">
        <v>736</v>
      </c>
      <c r="L126" s="34" t="s">
        <v>550</v>
      </c>
      <c r="M126" s="32" t="s">
        <v>1427</v>
      </c>
      <c r="N126" s="35" t="s">
        <v>566</v>
      </c>
      <c r="O126" s="32" t="s">
        <v>765</v>
      </c>
      <c r="P126" s="25" t="s">
        <v>766</v>
      </c>
    </row>
    <row r="127" spans="1:16" s="25" customFormat="1" x14ac:dyDescent="0.3">
      <c r="A127" s="32" t="s">
        <v>258</v>
      </c>
      <c r="B127" s="33" t="s">
        <v>767</v>
      </c>
      <c r="C127" s="32" t="s">
        <v>768</v>
      </c>
      <c r="D127" s="32" t="s">
        <v>760</v>
      </c>
      <c r="E127" s="32" t="s">
        <v>82</v>
      </c>
      <c r="F127" s="32" t="s">
        <v>769</v>
      </c>
      <c r="G127" s="32" t="s">
        <v>83</v>
      </c>
      <c r="H127" s="32" t="s">
        <v>3</v>
      </c>
      <c r="I127" s="32"/>
      <c r="J127" s="34" t="s">
        <v>770</v>
      </c>
      <c r="K127" s="34" t="s">
        <v>767</v>
      </c>
      <c r="L127" s="34" t="s">
        <v>771</v>
      </c>
      <c r="M127" s="32" t="s">
        <v>1411</v>
      </c>
      <c r="N127" s="35" t="s">
        <v>772</v>
      </c>
      <c r="O127" s="32" t="s">
        <v>773</v>
      </c>
    </row>
    <row r="128" spans="1:16" s="25" customFormat="1" x14ac:dyDescent="0.3">
      <c r="A128" s="32" t="s">
        <v>258</v>
      </c>
      <c r="B128" s="33" t="s">
        <v>521</v>
      </c>
      <c r="C128" s="32" t="s">
        <v>775</v>
      </c>
      <c r="D128" s="32" t="s">
        <v>760</v>
      </c>
      <c r="E128" s="25" t="s">
        <v>82</v>
      </c>
      <c r="F128" s="32" t="s">
        <v>776</v>
      </c>
      <c r="G128" s="32" t="s">
        <v>83</v>
      </c>
      <c r="H128" s="32" t="s">
        <v>777</v>
      </c>
      <c r="I128" s="32"/>
      <c r="J128" s="34" t="s">
        <v>775</v>
      </c>
      <c r="K128" s="36" t="s">
        <v>774</v>
      </c>
      <c r="L128" s="34" t="s">
        <v>778</v>
      </c>
      <c r="M128" s="32" t="s">
        <v>1411</v>
      </c>
      <c r="N128" s="35" t="s">
        <v>779</v>
      </c>
      <c r="O128" s="32" t="s">
        <v>780</v>
      </c>
    </row>
    <row r="129" spans="1:16" s="25" customFormat="1" x14ac:dyDescent="0.3">
      <c r="A129" s="25" t="s">
        <v>1471</v>
      </c>
      <c r="B129" s="33" t="s">
        <v>736</v>
      </c>
      <c r="C129" s="32" t="s">
        <v>781</v>
      </c>
      <c r="D129" s="32" t="s">
        <v>760</v>
      </c>
      <c r="E129" s="32" t="s">
        <v>82</v>
      </c>
      <c r="F129" s="32" t="s">
        <v>117</v>
      </c>
      <c r="G129" s="32" t="s">
        <v>83</v>
      </c>
      <c r="H129" s="32" t="s">
        <v>782</v>
      </c>
      <c r="I129" s="32"/>
      <c r="J129" s="34" t="s">
        <v>781</v>
      </c>
      <c r="K129" s="34" t="s">
        <v>736</v>
      </c>
      <c r="L129" s="34" t="s">
        <v>550</v>
      </c>
      <c r="M129" s="32" t="s">
        <v>1428</v>
      </c>
      <c r="N129" s="35" t="s">
        <v>566</v>
      </c>
      <c r="O129" s="32" t="s">
        <v>783</v>
      </c>
      <c r="P129" s="25" t="s">
        <v>784</v>
      </c>
    </row>
    <row r="130" spans="1:16" s="25" customFormat="1" ht="28.8" x14ac:dyDescent="0.3">
      <c r="A130" s="25" t="s">
        <v>592</v>
      </c>
      <c r="B130" s="26" t="s">
        <v>594</v>
      </c>
      <c r="C130" s="25" t="s">
        <v>1378</v>
      </c>
      <c r="D130" s="25" t="s">
        <v>786</v>
      </c>
      <c r="E130" s="25" t="s">
        <v>82</v>
      </c>
      <c r="F130" s="25" t="s">
        <v>596</v>
      </c>
      <c r="G130" s="25" t="s">
        <v>670</v>
      </c>
      <c r="H130" s="25" t="s">
        <v>597</v>
      </c>
      <c r="J130" s="31" t="s">
        <v>1378</v>
      </c>
      <c r="K130" s="31" t="s">
        <v>594</v>
      </c>
      <c r="L130" s="31" t="s">
        <v>787</v>
      </c>
      <c r="M130" s="25" t="s">
        <v>1429</v>
      </c>
      <c r="N130" s="15" t="s">
        <v>1559</v>
      </c>
      <c r="O130" s="25" t="s">
        <v>788</v>
      </c>
    </row>
    <row r="131" spans="1:16" s="25" customFormat="1" x14ac:dyDescent="0.3">
      <c r="A131" s="25" t="s">
        <v>260</v>
      </c>
      <c r="B131" s="26" t="s">
        <v>757</v>
      </c>
      <c r="C131" s="25" t="s">
        <v>481</v>
      </c>
      <c r="D131" s="25" t="s">
        <v>786</v>
      </c>
      <c r="E131" s="25" t="s">
        <v>670</v>
      </c>
      <c r="F131" s="25" t="s">
        <v>793</v>
      </c>
      <c r="G131" s="25" t="s">
        <v>82</v>
      </c>
      <c r="H131" s="25" t="s">
        <v>1291</v>
      </c>
      <c r="J131" s="31" t="s">
        <v>481</v>
      </c>
      <c r="K131" s="26" t="s">
        <v>757</v>
      </c>
      <c r="L131" s="31" t="s">
        <v>792</v>
      </c>
      <c r="M131" s="25" t="s">
        <v>1465</v>
      </c>
      <c r="N131" s="37" t="s">
        <v>1579</v>
      </c>
      <c r="O131" s="25" t="s">
        <v>1580</v>
      </c>
    </row>
    <row r="132" spans="1:16" s="25" customFormat="1" x14ac:dyDescent="0.3">
      <c r="A132" s="25" t="s">
        <v>261</v>
      </c>
      <c r="B132" s="26" t="s">
        <v>794</v>
      </c>
      <c r="C132" s="25" t="s">
        <v>795</v>
      </c>
      <c r="D132" s="25" t="s">
        <v>786</v>
      </c>
      <c r="E132" s="25" t="s">
        <v>670</v>
      </c>
      <c r="F132" s="25" t="s">
        <v>215</v>
      </c>
      <c r="G132" s="25" t="s">
        <v>82</v>
      </c>
      <c r="H132" s="25" t="s">
        <v>48</v>
      </c>
      <c r="J132" s="25" t="s">
        <v>795</v>
      </c>
      <c r="K132" s="26" t="s">
        <v>794</v>
      </c>
      <c r="L132" s="31" t="s">
        <v>796</v>
      </c>
      <c r="M132" s="25" t="s">
        <v>1391</v>
      </c>
      <c r="N132" s="37" t="s">
        <v>804</v>
      </c>
      <c r="O132" s="25" t="s">
        <v>803</v>
      </c>
    </row>
    <row r="133" spans="1:16" s="25" customFormat="1" x14ac:dyDescent="0.3">
      <c r="A133" s="25" t="s">
        <v>458</v>
      </c>
      <c r="B133" s="26" t="s">
        <v>611</v>
      </c>
      <c r="C133" s="25" t="s">
        <v>455</v>
      </c>
      <c r="D133" s="25" t="s">
        <v>786</v>
      </c>
      <c r="E133" s="25" t="s">
        <v>670</v>
      </c>
      <c r="F133" s="25" t="s">
        <v>459</v>
      </c>
      <c r="G133" s="25" t="s">
        <v>82</v>
      </c>
      <c r="H133" s="25" t="s">
        <v>460</v>
      </c>
      <c r="J133" s="25" t="s">
        <v>455</v>
      </c>
      <c r="K133" s="26" t="s">
        <v>611</v>
      </c>
      <c r="L133" s="31" t="s">
        <v>797</v>
      </c>
      <c r="M133" s="25" t="s">
        <v>1395</v>
      </c>
      <c r="N133" s="37" t="s">
        <v>805</v>
      </c>
      <c r="O133" s="25" t="s">
        <v>802</v>
      </c>
    </row>
    <row r="134" spans="1:16" s="25" customFormat="1" x14ac:dyDescent="0.3">
      <c r="A134" s="25" t="s">
        <v>1271</v>
      </c>
      <c r="B134" s="77" t="s">
        <v>456</v>
      </c>
      <c r="C134" s="25" t="s">
        <v>455</v>
      </c>
      <c r="D134" s="25" t="s">
        <v>786</v>
      </c>
      <c r="E134" s="25" t="s">
        <v>670</v>
      </c>
      <c r="F134" s="25" t="s">
        <v>453</v>
      </c>
      <c r="G134" s="25" t="s">
        <v>82</v>
      </c>
      <c r="H134" s="25" t="s">
        <v>454</v>
      </c>
      <c r="J134" s="25" t="s">
        <v>455</v>
      </c>
      <c r="K134" s="39" t="s">
        <v>456</v>
      </c>
      <c r="L134" s="31" t="s">
        <v>798</v>
      </c>
      <c r="M134" s="25" t="s">
        <v>1394</v>
      </c>
      <c r="N134" s="37" t="s">
        <v>806</v>
      </c>
      <c r="O134" s="25" t="s">
        <v>801</v>
      </c>
    </row>
    <row r="135" spans="1:16" s="25" customFormat="1" x14ac:dyDescent="0.3">
      <c r="A135" s="25" t="s">
        <v>592</v>
      </c>
      <c r="B135" s="26" t="s">
        <v>712</v>
      </c>
      <c r="C135" s="25" t="s">
        <v>713</v>
      </c>
      <c r="D135" s="25" t="s">
        <v>786</v>
      </c>
      <c r="E135" s="25" t="s">
        <v>670</v>
      </c>
      <c r="F135" s="25" t="s">
        <v>598</v>
      </c>
      <c r="G135" s="25" t="s">
        <v>82</v>
      </c>
      <c r="H135" s="25" t="s">
        <v>607</v>
      </c>
      <c r="J135" s="25" t="s">
        <v>713</v>
      </c>
      <c r="K135" s="26" t="s">
        <v>712</v>
      </c>
      <c r="L135" s="31" t="s">
        <v>799</v>
      </c>
      <c r="M135" s="25" t="s">
        <v>1412</v>
      </c>
      <c r="N135" s="37" t="s">
        <v>807</v>
      </c>
      <c r="O135" s="25" t="s">
        <v>800</v>
      </c>
    </row>
    <row r="136" spans="1:16" s="25" customFormat="1" x14ac:dyDescent="0.3">
      <c r="A136" s="25" t="s">
        <v>1471</v>
      </c>
      <c r="B136" s="26" t="s">
        <v>809</v>
      </c>
      <c r="C136" s="25" t="s">
        <v>644</v>
      </c>
      <c r="D136" s="25" t="s">
        <v>786</v>
      </c>
      <c r="E136" s="25" t="s">
        <v>670</v>
      </c>
      <c r="F136" s="25" t="s">
        <v>810</v>
      </c>
      <c r="G136" s="25" t="s">
        <v>82</v>
      </c>
      <c r="H136" t="s">
        <v>816</v>
      </c>
      <c r="J136" s="25" t="s">
        <v>644</v>
      </c>
      <c r="K136" s="26" t="s">
        <v>809</v>
      </c>
      <c r="L136" s="31" t="s">
        <v>811</v>
      </c>
      <c r="M136" s="25" t="s">
        <v>1430</v>
      </c>
      <c r="N136" s="37" t="s">
        <v>151</v>
      </c>
      <c r="O136" s="25" t="s">
        <v>814</v>
      </c>
    </row>
    <row r="137" spans="1:16" s="25" customFormat="1" x14ac:dyDescent="0.3">
      <c r="A137" s="25" t="s">
        <v>1471</v>
      </c>
      <c r="B137" s="40" t="s">
        <v>808</v>
      </c>
      <c r="C137" s="25" t="s">
        <v>644</v>
      </c>
      <c r="D137" s="25" t="s">
        <v>786</v>
      </c>
      <c r="E137" s="25" t="s">
        <v>670</v>
      </c>
      <c r="F137" s="25" t="s">
        <v>813</v>
      </c>
      <c r="G137" s="25" t="s">
        <v>82</v>
      </c>
      <c r="H137" s="25" t="s">
        <v>817</v>
      </c>
      <c r="J137" s="25" t="s">
        <v>644</v>
      </c>
      <c r="K137" s="40" t="s">
        <v>808</v>
      </c>
      <c r="L137" s="31" t="s">
        <v>812</v>
      </c>
      <c r="M137" s="25" t="s">
        <v>1431</v>
      </c>
      <c r="N137" s="37" t="s">
        <v>151</v>
      </c>
      <c r="O137" s="25" t="s">
        <v>815</v>
      </c>
    </row>
    <row r="138" spans="1:16" s="25" customFormat="1" x14ac:dyDescent="0.3">
      <c r="A138" s="25" t="s">
        <v>1471</v>
      </c>
      <c r="B138" s="26" t="s">
        <v>517</v>
      </c>
      <c r="C138" s="25" t="s">
        <v>644</v>
      </c>
      <c r="D138" s="25" t="s">
        <v>786</v>
      </c>
      <c r="E138" s="25" t="s">
        <v>82</v>
      </c>
      <c r="F138" s="25" t="s">
        <v>8</v>
      </c>
      <c r="G138" s="25" t="s">
        <v>670</v>
      </c>
      <c r="H138" t="s">
        <v>830</v>
      </c>
      <c r="J138" s="25" t="s">
        <v>644</v>
      </c>
      <c r="K138" s="40" t="s">
        <v>517</v>
      </c>
      <c r="L138" s="31" t="s">
        <v>827</v>
      </c>
      <c r="M138" s="25" t="s">
        <v>1432</v>
      </c>
      <c r="N138" s="37" t="s">
        <v>824</v>
      </c>
      <c r="O138" s="25" t="s">
        <v>821</v>
      </c>
    </row>
    <row r="139" spans="1:16" s="25" customFormat="1" x14ac:dyDescent="0.3">
      <c r="A139" s="25" t="s">
        <v>1471</v>
      </c>
      <c r="B139" s="26" t="s">
        <v>515</v>
      </c>
      <c r="C139" s="25" t="s">
        <v>644</v>
      </c>
      <c r="D139" s="25" t="s">
        <v>786</v>
      </c>
      <c r="E139" s="25" t="s">
        <v>82</v>
      </c>
      <c r="F139" s="25" t="s">
        <v>9</v>
      </c>
      <c r="G139" s="25" t="s">
        <v>670</v>
      </c>
      <c r="H139" s="25" t="s">
        <v>831</v>
      </c>
      <c r="J139" s="25" t="s">
        <v>644</v>
      </c>
      <c r="K139" s="40" t="s">
        <v>515</v>
      </c>
      <c r="L139" s="31" t="s">
        <v>828</v>
      </c>
      <c r="M139" s="25" t="s">
        <v>1433</v>
      </c>
      <c r="N139" s="37" t="s">
        <v>825</v>
      </c>
      <c r="O139" s="25" t="s">
        <v>822</v>
      </c>
    </row>
    <row r="140" spans="1:16" s="25" customFormat="1" x14ac:dyDescent="0.3">
      <c r="A140" s="25" t="s">
        <v>1471</v>
      </c>
      <c r="B140" s="26" t="s">
        <v>820</v>
      </c>
      <c r="C140" s="25" t="s">
        <v>644</v>
      </c>
      <c r="D140" s="25" t="s">
        <v>786</v>
      </c>
      <c r="E140" s="25" t="s">
        <v>82</v>
      </c>
      <c r="F140" s="25" t="s">
        <v>9</v>
      </c>
      <c r="G140" s="25" t="s">
        <v>670</v>
      </c>
      <c r="H140" s="25" t="s">
        <v>831</v>
      </c>
      <c r="J140" s="25" t="s">
        <v>644</v>
      </c>
      <c r="K140" s="40" t="s">
        <v>820</v>
      </c>
      <c r="L140" s="31" t="s">
        <v>829</v>
      </c>
      <c r="M140" s="25" t="s">
        <v>1433</v>
      </c>
      <c r="N140" s="37" t="s">
        <v>826</v>
      </c>
      <c r="O140" s="25" t="s">
        <v>823</v>
      </c>
    </row>
    <row r="141" spans="1:16" s="25" customFormat="1" x14ac:dyDescent="0.3">
      <c r="A141" s="25" t="s">
        <v>592</v>
      </c>
      <c r="B141" s="26" t="s">
        <v>593</v>
      </c>
      <c r="C141" s="25" t="s">
        <v>713</v>
      </c>
      <c r="D141" s="25" t="s">
        <v>786</v>
      </c>
      <c r="E141" s="25" t="s">
        <v>82</v>
      </c>
      <c r="F141" s="25" t="s">
        <v>595</v>
      </c>
      <c r="G141" s="25" t="s">
        <v>670</v>
      </c>
      <c r="H141" s="25" t="s">
        <v>598</v>
      </c>
      <c r="J141" s="25" t="s">
        <v>713</v>
      </c>
      <c r="K141" s="40" t="s">
        <v>593</v>
      </c>
      <c r="L141" s="31" t="s">
        <v>832</v>
      </c>
      <c r="M141" s="25" t="s">
        <v>1411</v>
      </c>
      <c r="N141" s="37" t="s">
        <v>833</v>
      </c>
      <c r="O141" s="25" t="s">
        <v>834</v>
      </c>
    </row>
    <row r="142" spans="1:16" s="25" customFormat="1" x14ac:dyDescent="0.3">
      <c r="A142" s="25" t="s">
        <v>592</v>
      </c>
      <c r="B142" s="31" t="s">
        <v>714</v>
      </c>
      <c r="C142" s="25" t="s">
        <v>713</v>
      </c>
      <c r="D142" s="25" t="s">
        <v>786</v>
      </c>
      <c r="E142" s="25" t="s">
        <v>82</v>
      </c>
      <c r="F142" s="25" t="s">
        <v>715</v>
      </c>
      <c r="G142" s="25" t="s">
        <v>670</v>
      </c>
      <c r="H142" s="25" t="s">
        <v>716</v>
      </c>
      <c r="J142" s="31" t="s">
        <v>713</v>
      </c>
      <c r="K142" s="31" t="s">
        <v>714</v>
      </c>
      <c r="L142" s="31" t="s">
        <v>837</v>
      </c>
      <c r="M142" s="25" t="s">
        <v>1411</v>
      </c>
      <c r="N142" s="37" t="s">
        <v>836</v>
      </c>
      <c r="O142" s="25" t="s">
        <v>835</v>
      </c>
    </row>
    <row r="143" spans="1:16" s="25" customFormat="1" ht="14.4" customHeight="1" x14ac:dyDescent="0.3">
      <c r="A143" s="25" t="s">
        <v>1471</v>
      </c>
      <c r="B143" s="26" t="s">
        <v>838</v>
      </c>
      <c r="C143" s="26" t="s">
        <v>839</v>
      </c>
      <c r="D143" s="25" t="s">
        <v>786</v>
      </c>
      <c r="E143" s="25" t="s">
        <v>82</v>
      </c>
      <c r="F143" s="25" t="s">
        <v>840</v>
      </c>
      <c r="G143" s="25" t="s">
        <v>83</v>
      </c>
      <c r="H143" s="32" t="s">
        <v>119</v>
      </c>
      <c r="J143" s="31" t="s">
        <v>644</v>
      </c>
      <c r="K143" s="26" t="s">
        <v>838</v>
      </c>
      <c r="L143" s="31" t="s">
        <v>841</v>
      </c>
      <c r="M143" s="32" t="s">
        <v>1426</v>
      </c>
      <c r="N143" s="37" t="s">
        <v>566</v>
      </c>
      <c r="O143" s="25" t="s">
        <v>842</v>
      </c>
    </row>
    <row r="144" spans="1:16" s="25" customFormat="1" ht="14.4" customHeight="1" x14ac:dyDescent="0.3">
      <c r="B144" s="25" t="s">
        <v>429</v>
      </c>
      <c r="C144" s="26" t="s">
        <v>488</v>
      </c>
      <c r="D144" s="25" t="s">
        <v>786</v>
      </c>
      <c r="E144" s="25" t="s">
        <v>82</v>
      </c>
      <c r="F144" s="25" t="s">
        <v>710</v>
      </c>
      <c r="G144" s="25" t="s">
        <v>670</v>
      </c>
      <c r="H144" s="25" t="s">
        <v>711</v>
      </c>
      <c r="J144" s="31" t="s">
        <v>428</v>
      </c>
      <c r="K144" s="31" t="s">
        <v>429</v>
      </c>
      <c r="L144" s="31" t="s">
        <v>1272</v>
      </c>
      <c r="M144" s="25" t="s">
        <v>1273</v>
      </c>
      <c r="N144" s="25" t="s">
        <v>705</v>
      </c>
      <c r="O144" s="25" t="s">
        <v>696</v>
      </c>
    </row>
    <row r="145" spans="1:16" s="25" customFormat="1" x14ac:dyDescent="0.3">
      <c r="A145" s="25" t="s">
        <v>1293</v>
      </c>
      <c r="B145" s="26" t="s">
        <v>529</v>
      </c>
      <c r="C145" s="25" t="s">
        <v>1297</v>
      </c>
      <c r="D145" s="25" t="s">
        <v>786</v>
      </c>
      <c r="E145" s="25" t="s">
        <v>82</v>
      </c>
      <c r="F145" s="25" t="s">
        <v>222</v>
      </c>
      <c r="G145" s="25" t="s">
        <v>747</v>
      </c>
      <c r="H145" s="25" t="s">
        <v>223</v>
      </c>
      <c r="J145" s="25" t="s">
        <v>1297</v>
      </c>
      <c r="K145" s="40" t="s">
        <v>529</v>
      </c>
      <c r="L145" s="31" t="s">
        <v>851</v>
      </c>
      <c r="M145" s="25" t="s">
        <v>1411</v>
      </c>
      <c r="N145" s="37" t="s">
        <v>843</v>
      </c>
      <c r="O145" s="25" t="s">
        <v>845</v>
      </c>
    </row>
    <row r="146" spans="1:16" s="25" customFormat="1" x14ac:dyDescent="0.3">
      <c r="A146" s="25" t="s">
        <v>1293</v>
      </c>
      <c r="B146" s="40" t="s">
        <v>530</v>
      </c>
      <c r="C146" s="25" t="s">
        <v>1297</v>
      </c>
      <c r="D146" s="25" t="s">
        <v>786</v>
      </c>
      <c r="E146" s="25" t="s">
        <v>747</v>
      </c>
      <c r="F146" s="25" t="s">
        <v>223</v>
      </c>
      <c r="G146" s="25" t="s">
        <v>82</v>
      </c>
      <c r="H146" s="25" t="s">
        <v>248</v>
      </c>
      <c r="J146" s="25" t="s">
        <v>1297</v>
      </c>
      <c r="K146" s="40" t="s">
        <v>530</v>
      </c>
      <c r="L146" s="31" t="s">
        <v>853</v>
      </c>
      <c r="M146" s="25" t="s">
        <v>1434</v>
      </c>
      <c r="N146" s="37" t="s">
        <v>844</v>
      </c>
      <c r="O146" s="25" t="s">
        <v>846</v>
      </c>
    </row>
    <row r="147" spans="1:16" s="25" customFormat="1" x14ac:dyDescent="0.3">
      <c r="A147" s="25" t="s">
        <v>1293</v>
      </c>
      <c r="B147" s="40" t="s">
        <v>531</v>
      </c>
      <c r="C147" s="25" t="s">
        <v>1297</v>
      </c>
      <c r="D147" s="25" t="s">
        <v>786</v>
      </c>
      <c r="E147" s="25" t="s">
        <v>747</v>
      </c>
      <c r="F147" s="25" t="s">
        <v>246</v>
      </c>
      <c r="G147" s="25" t="s">
        <v>82</v>
      </c>
      <c r="H147" s="25" t="s">
        <v>247</v>
      </c>
      <c r="J147" s="25" t="s">
        <v>1297</v>
      </c>
      <c r="K147" s="40" t="s">
        <v>531</v>
      </c>
      <c r="L147" s="31" t="s">
        <v>854</v>
      </c>
      <c r="M147" s="25" t="s">
        <v>1435</v>
      </c>
      <c r="N147" s="37" t="s">
        <v>848</v>
      </c>
      <c r="O147" s="25" t="s">
        <v>847</v>
      </c>
    </row>
    <row r="148" spans="1:16" s="25" customFormat="1" x14ac:dyDescent="0.3">
      <c r="A148" s="25" t="s">
        <v>707</v>
      </c>
      <c r="B148" s="31" t="s">
        <v>1331</v>
      </c>
      <c r="C148" s="25" t="s">
        <v>689</v>
      </c>
      <c r="D148" s="25" t="s">
        <v>786</v>
      </c>
      <c r="E148" s="25" t="s">
        <v>82</v>
      </c>
      <c r="F148" s="25" t="s">
        <v>850</v>
      </c>
      <c r="G148" s="25" t="s">
        <v>747</v>
      </c>
      <c r="H148" s="25" t="s">
        <v>855</v>
      </c>
      <c r="J148" s="31" t="s">
        <v>689</v>
      </c>
      <c r="K148" s="31" t="s">
        <v>849</v>
      </c>
      <c r="L148" s="31" t="s">
        <v>852</v>
      </c>
      <c r="M148" t="s">
        <v>1436</v>
      </c>
      <c r="N148" s="37" t="s">
        <v>151</v>
      </c>
      <c r="O148" s="25" t="s">
        <v>856</v>
      </c>
    </row>
    <row r="149" spans="1:16" ht="28.8" x14ac:dyDescent="0.3">
      <c r="A149" s="25" t="s">
        <v>1477</v>
      </c>
      <c r="B149" s="26" t="s">
        <v>1264</v>
      </c>
      <c r="C149" s="56" t="s">
        <v>1265</v>
      </c>
      <c r="D149" s="25" t="s">
        <v>860</v>
      </c>
      <c r="E149" s="26" t="s">
        <v>670</v>
      </c>
      <c r="F149" s="26" t="s">
        <v>1270</v>
      </c>
      <c r="G149" s="26" t="s">
        <v>82</v>
      </c>
      <c r="H149" s="54" t="s">
        <v>1276</v>
      </c>
      <c r="J149" s="57" t="s">
        <v>1268</v>
      </c>
      <c r="K149" s="57" t="s">
        <v>1269</v>
      </c>
      <c r="L149" s="29" t="s">
        <v>1267</v>
      </c>
      <c r="M149" s="26" t="s">
        <v>1392</v>
      </c>
      <c r="N149" s="25" t="s">
        <v>1490</v>
      </c>
      <c r="O149" s="24" t="s">
        <v>1266</v>
      </c>
    </row>
    <row r="150" spans="1:16" s="25" customFormat="1" x14ac:dyDescent="0.3">
      <c r="A150" s="25" t="s">
        <v>857</v>
      </c>
      <c r="B150" s="40" t="s">
        <v>858</v>
      </c>
      <c r="C150" s="25" t="s">
        <v>859</v>
      </c>
      <c r="D150" s="25" t="s">
        <v>860</v>
      </c>
      <c r="E150" s="25" t="s">
        <v>82</v>
      </c>
      <c r="F150" s="25" t="s">
        <v>861</v>
      </c>
      <c r="G150" s="25" t="s">
        <v>747</v>
      </c>
      <c r="H150" s="25" t="s">
        <v>862</v>
      </c>
      <c r="J150" s="25" t="s">
        <v>859</v>
      </c>
      <c r="K150" s="40" t="s">
        <v>858</v>
      </c>
      <c r="L150" s="31" t="s">
        <v>863</v>
      </c>
      <c r="M150" s="25" t="s">
        <v>1411</v>
      </c>
      <c r="N150" s="37" t="s">
        <v>864</v>
      </c>
      <c r="O150" s="25" t="s">
        <v>865</v>
      </c>
    </row>
    <row r="151" spans="1:16" s="25" customFormat="1" x14ac:dyDescent="0.3">
      <c r="A151" s="25" t="s">
        <v>258</v>
      </c>
      <c r="B151" s="31" t="s">
        <v>867</v>
      </c>
      <c r="C151" s="25" t="s">
        <v>790</v>
      </c>
      <c r="D151" s="25" t="s">
        <v>860</v>
      </c>
      <c r="E151" s="25" t="s">
        <v>82</v>
      </c>
      <c r="F151" s="25" t="s">
        <v>97</v>
      </c>
      <c r="G151" s="25" t="s">
        <v>83</v>
      </c>
      <c r="H151" s="25" t="s">
        <v>227</v>
      </c>
      <c r="J151" s="31" t="s">
        <v>868</v>
      </c>
      <c r="K151" s="31" t="s">
        <v>867</v>
      </c>
      <c r="L151" s="31" t="s">
        <v>869</v>
      </c>
      <c r="M151" t="s">
        <v>1437</v>
      </c>
      <c r="N151" s="37" t="s">
        <v>870</v>
      </c>
      <c r="O151" s="25" t="s">
        <v>871</v>
      </c>
    </row>
    <row r="152" spans="1:16" x14ac:dyDescent="0.3">
      <c r="A152" s="25" t="s">
        <v>1242</v>
      </c>
      <c r="B152" s="25" t="s">
        <v>1851</v>
      </c>
      <c r="C152" s="25" t="s">
        <v>1852</v>
      </c>
      <c r="D152" s="50" t="s">
        <v>1240</v>
      </c>
      <c r="E152" s="37" t="s">
        <v>82</v>
      </c>
      <c r="F152" s="25" t="s">
        <v>1243</v>
      </c>
      <c r="G152" s="25" t="s">
        <v>624</v>
      </c>
      <c r="H152" s="25" t="s">
        <v>1244</v>
      </c>
      <c r="I152" s="25"/>
      <c r="J152" s="31" t="s">
        <v>1238</v>
      </c>
      <c r="K152" s="31" t="s">
        <v>1239</v>
      </c>
      <c r="L152" s="31" t="s">
        <v>1245</v>
      </c>
      <c r="M152" s="25" t="s">
        <v>1438</v>
      </c>
      <c r="N152" s="25" t="s">
        <v>1241</v>
      </c>
      <c r="O152" s="25" t="s">
        <v>1246</v>
      </c>
      <c r="P152" s="25"/>
    </row>
    <row r="153" spans="1:16" x14ac:dyDescent="0.3">
      <c r="A153" s="25" t="s">
        <v>1829</v>
      </c>
      <c r="B153" s="25" t="s">
        <v>614</v>
      </c>
      <c r="C153" s="25" t="s">
        <v>587</v>
      </c>
      <c r="D153" s="25" t="s">
        <v>860</v>
      </c>
      <c r="E153" s="25" t="s">
        <v>670</v>
      </c>
      <c r="F153" s="25" t="s">
        <v>586</v>
      </c>
      <c r="G153" s="25" t="s">
        <v>82</v>
      </c>
      <c r="H153" s="25" t="s">
        <v>1329</v>
      </c>
      <c r="I153" s="25"/>
      <c r="J153" s="31" t="s">
        <v>587</v>
      </c>
      <c r="K153" s="31" t="s">
        <v>587</v>
      </c>
      <c r="L153" s="31" t="s">
        <v>1485</v>
      </c>
      <c r="M153" s="25" t="s">
        <v>1402</v>
      </c>
      <c r="N153" s="28" t="s">
        <v>1827</v>
      </c>
      <c r="O153" s="25" t="s">
        <v>1828</v>
      </c>
      <c r="P153" s="25"/>
    </row>
    <row r="154" spans="1:16" x14ac:dyDescent="0.3">
      <c r="A154" s="25" t="s">
        <v>1477</v>
      </c>
      <c r="B154" s="25" t="s">
        <v>448</v>
      </c>
      <c r="C154" s="25" t="s">
        <v>389</v>
      </c>
      <c r="D154" s="25" t="s">
        <v>860</v>
      </c>
      <c r="E154" s="25" t="s">
        <v>82</v>
      </c>
      <c r="F154" s="25" t="s">
        <v>447</v>
      </c>
      <c r="G154" s="25" t="s">
        <v>670</v>
      </c>
      <c r="H154" s="25" t="s">
        <v>119</v>
      </c>
      <c r="I154" s="25"/>
      <c r="J154" s="31" t="s">
        <v>389</v>
      </c>
      <c r="K154" s="31" t="s">
        <v>448</v>
      </c>
      <c r="L154" s="31" t="s">
        <v>1486</v>
      </c>
      <c r="M154" s="63" t="s">
        <v>1464</v>
      </c>
      <c r="N154" s="28" t="s">
        <v>151</v>
      </c>
      <c r="O154" s="25" t="s">
        <v>1487</v>
      </c>
      <c r="P154" s="25"/>
    </row>
    <row r="155" spans="1:16" x14ac:dyDescent="0.3">
      <c r="A155" s="26" t="s">
        <v>1471</v>
      </c>
      <c r="B155" s="29" t="s">
        <v>310</v>
      </c>
      <c r="C155" s="29" t="s">
        <v>1468</v>
      </c>
      <c r="D155" s="25" t="s">
        <v>860</v>
      </c>
      <c r="E155" s="26" t="s">
        <v>670</v>
      </c>
      <c r="F155" s="26" t="s">
        <v>212</v>
      </c>
      <c r="G155" s="26" t="s">
        <v>82</v>
      </c>
      <c r="H155" s="29" t="s">
        <v>1472</v>
      </c>
      <c r="J155" s="29" t="s">
        <v>1468</v>
      </c>
      <c r="K155" s="29" t="s">
        <v>310</v>
      </c>
      <c r="L155" s="62" t="s">
        <v>1469</v>
      </c>
      <c r="M155" s="63" t="s">
        <v>1390</v>
      </c>
      <c r="N155" s="24" t="s">
        <v>1470</v>
      </c>
      <c r="O155" s="24" t="s">
        <v>1473</v>
      </c>
      <c r="P155" s="25"/>
    </row>
    <row r="156" spans="1:16" x14ac:dyDescent="0.3">
      <c r="A156" s="25" t="s">
        <v>592</v>
      </c>
      <c r="B156" s="25" t="s">
        <v>616</v>
      </c>
      <c r="C156" s="25" t="s">
        <v>713</v>
      </c>
      <c r="D156" s="25" t="s">
        <v>860</v>
      </c>
      <c r="E156" s="25" t="s">
        <v>82</v>
      </c>
      <c r="F156" s="25" t="s">
        <v>618</v>
      </c>
      <c r="G156" s="25" t="s">
        <v>670</v>
      </c>
      <c r="H156" t="s">
        <v>119</v>
      </c>
      <c r="I156" s="25"/>
      <c r="J156" s="25" t="s">
        <v>713</v>
      </c>
      <c r="K156" s="31" t="s">
        <v>616</v>
      </c>
      <c r="L156" s="31" t="s">
        <v>1466</v>
      </c>
      <c r="M156" s="26" t="s">
        <v>1383</v>
      </c>
      <c r="N156" s="37" t="s">
        <v>151</v>
      </c>
      <c r="O156" s="25" t="s">
        <v>1467</v>
      </c>
      <c r="P156" s="25" t="s">
        <v>151</v>
      </c>
    </row>
    <row r="157" spans="1:16" x14ac:dyDescent="0.3">
      <c r="A157" s="25" t="s">
        <v>1477</v>
      </c>
      <c r="B157" s="25" t="s">
        <v>451</v>
      </c>
      <c r="C157" s="25" t="s">
        <v>386</v>
      </c>
      <c r="D157" s="25" t="s">
        <v>860</v>
      </c>
      <c r="E157" s="25" t="s">
        <v>82</v>
      </c>
      <c r="F157" s="25" t="s">
        <v>449</v>
      </c>
      <c r="G157" s="25" t="s">
        <v>670</v>
      </c>
      <c r="H157" s="25" t="s">
        <v>721</v>
      </c>
      <c r="I157" s="25"/>
      <c r="J157" s="31" t="s">
        <v>386</v>
      </c>
      <c r="K157" s="31" t="s">
        <v>451</v>
      </c>
      <c r="L157" s="31" t="s">
        <v>1476</v>
      </c>
      <c r="M157" s="63" t="s">
        <v>1411</v>
      </c>
      <c r="N157" s="25" t="s">
        <v>1474</v>
      </c>
      <c r="O157" s="25" t="s">
        <v>1475</v>
      </c>
      <c r="P157" s="25"/>
    </row>
    <row r="158" spans="1:16" ht="43.2" x14ac:dyDescent="0.3">
      <c r="A158" s="58"/>
      <c r="B158" s="59" t="s">
        <v>1274</v>
      </c>
      <c r="C158" s="60" t="s">
        <v>1322</v>
      </c>
      <c r="D158" s="25" t="s">
        <v>860</v>
      </c>
      <c r="E158" s="58" t="s">
        <v>670</v>
      </c>
      <c r="F158" s="25" t="s">
        <v>117</v>
      </c>
      <c r="G158" s="37" t="s">
        <v>82</v>
      </c>
      <c r="H158" s="54" t="s">
        <v>1277</v>
      </c>
      <c r="I158" s="37"/>
      <c r="J158" s="61" t="s">
        <v>1279</v>
      </c>
      <c r="K158" s="61" t="s">
        <v>1278</v>
      </c>
      <c r="L158" s="31" t="s">
        <v>1275</v>
      </c>
      <c r="M158" s="60" t="s">
        <v>1393</v>
      </c>
      <c r="N158" s="37" t="s">
        <v>151</v>
      </c>
      <c r="O158" s="25" t="s">
        <v>1280</v>
      </c>
      <c r="P158" s="54" t="s">
        <v>1348</v>
      </c>
    </row>
    <row r="159" spans="1:16" x14ac:dyDescent="0.3">
      <c r="A159" s="32" t="s">
        <v>677</v>
      </c>
      <c r="B159" s="36" t="s">
        <v>785</v>
      </c>
      <c r="C159" s="32" t="s">
        <v>1749</v>
      </c>
      <c r="D159" s="25" t="s">
        <v>860</v>
      </c>
      <c r="E159" s="32" t="s">
        <v>82</v>
      </c>
      <c r="F159" s="32" t="s">
        <v>720</v>
      </c>
      <c r="G159" s="25" t="s">
        <v>670</v>
      </c>
      <c r="H159" s="32" t="s">
        <v>721</v>
      </c>
      <c r="I159" s="32"/>
      <c r="J159" s="34" t="s">
        <v>495</v>
      </c>
      <c r="K159" s="34" t="s">
        <v>785</v>
      </c>
      <c r="L159" s="34" t="s">
        <v>1478</v>
      </c>
      <c r="M159" s="32" t="s">
        <v>1411</v>
      </c>
      <c r="N159" s="35" t="s">
        <v>1479</v>
      </c>
      <c r="O159" s="32" t="s">
        <v>1480</v>
      </c>
      <c r="P159" s="25"/>
    </row>
    <row r="160" spans="1:16" x14ac:dyDescent="0.3">
      <c r="A160" s="32" t="s">
        <v>677</v>
      </c>
      <c r="B160" s="33" t="s">
        <v>785</v>
      </c>
      <c r="C160" s="32" t="s">
        <v>1750</v>
      </c>
      <c r="D160" s="25" t="s">
        <v>1751</v>
      </c>
      <c r="E160" s="32" t="s">
        <v>82</v>
      </c>
      <c r="F160" s="32" t="s">
        <v>720</v>
      </c>
      <c r="G160" s="25" t="s">
        <v>670</v>
      </c>
      <c r="H160" s="32" t="s">
        <v>1752</v>
      </c>
      <c r="I160" s="32"/>
      <c r="J160" s="34" t="s">
        <v>495</v>
      </c>
      <c r="K160" s="34" t="s">
        <v>785</v>
      </c>
      <c r="L160" s="34" t="s">
        <v>1478</v>
      </c>
      <c r="M160" s="32" t="s">
        <v>1753</v>
      </c>
      <c r="N160" s="37" t="s">
        <v>1754</v>
      </c>
      <c r="O160" s="32" t="s">
        <v>1755</v>
      </c>
      <c r="P160" s="25"/>
    </row>
    <row r="161" spans="1:16" x14ac:dyDescent="0.3">
      <c r="A161" s="28" t="s">
        <v>1293</v>
      </c>
      <c r="B161" s="51" t="s">
        <v>529</v>
      </c>
      <c r="C161" s="51" t="s">
        <v>1297</v>
      </c>
      <c r="D161" s="50" t="s">
        <v>1240</v>
      </c>
      <c r="E161" s="51" t="s">
        <v>82</v>
      </c>
      <c r="F161" t="s">
        <v>222</v>
      </c>
      <c r="G161" s="42" t="s">
        <v>670</v>
      </c>
      <c r="H161" t="s">
        <v>223</v>
      </c>
      <c r="I161" s="42"/>
      <c r="J161" s="51" t="s">
        <v>1297</v>
      </c>
      <c r="K161" s="51" t="s">
        <v>529</v>
      </c>
      <c r="L161" t="s">
        <v>1247</v>
      </c>
      <c r="M161" s="52" t="s">
        <v>1411</v>
      </c>
      <c r="N161" t="s">
        <v>1251</v>
      </c>
      <c r="O161" t="s">
        <v>1258</v>
      </c>
      <c r="P161" s="25"/>
    </row>
    <row r="162" spans="1:16" x14ac:dyDescent="0.3">
      <c r="A162" s="28" t="s">
        <v>1293</v>
      </c>
      <c r="B162" s="26" t="s">
        <v>530</v>
      </c>
      <c r="C162" s="24" t="s">
        <v>1297</v>
      </c>
      <c r="D162" s="50" t="s">
        <v>1240</v>
      </c>
      <c r="E162" s="51" t="s">
        <v>670</v>
      </c>
      <c r="F162" t="s">
        <v>223</v>
      </c>
      <c r="G162" s="26" t="s">
        <v>82</v>
      </c>
      <c r="H162" t="s">
        <v>248</v>
      </c>
      <c r="J162" s="24" t="s">
        <v>1297</v>
      </c>
      <c r="K162" s="26" t="s">
        <v>530</v>
      </c>
      <c r="L162" t="s">
        <v>1248</v>
      </c>
      <c r="M162" s="26" t="s">
        <v>1434</v>
      </c>
      <c r="N162" t="s">
        <v>1252</v>
      </c>
      <c r="O162" t="s">
        <v>1255</v>
      </c>
      <c r="P162" s="25"/>
    </row>
    <row r="163" spans="1:16" x14ac:dyDescent="0.3">
      <c r="A163" s="28" t="s">
        <v>1293</v>
      </c>
      <c r="B163" s="26" t="s">
        <v>532</v>
      </c>
      <c r="C163" s="24" t="s">
        <v>1297</v>
      </c>
      <c r="D163" s="50" t="s">
        <v>1240</v>
      </c>
      <c r="E163" s="51" t="s">
        <v>670</v>
      </c>
      <c r="F163" t="s">
        <v>251</v>
      </c>
      <c r="G163" s="26" t="s">
        <v>82</v>
      </c>
      <c r="H163" t="s">
        <v>253</v>
      </c>
      <c r="J163" s="24" t="s">
        <v>1297</v>
      </c>
      <c r="K163" s="26" t="s">
        <v>532</v>
      </c>
      <c r="L163" t="s">
        <v>1249</v>
      </c>
      <c r="M163" s="26" t="s">
        <v>1399</v>
      </c>
      <c r="N163" s="53" t="s">
        <v>1253</v>
      </c>
      <c r="O163" t="s">
        <v>1256</v>
      </c>
      <c r="P163" s="25"/>
    </row>
    <row r="164" spans="1:16" x14ac:dyDescent="0.3">
      <c r="A164" s="28" t="s">
        <v>1293</v>
      </c>
      <c r="B164" s="26" t="s">
        <v>531</v>
      </c>
      <c r="C164" s="24" t="s">
        <v>1297</v>
      </c>
      <c r="D164" s="50" t="s">
        <v>1240</v>
      </c>
      <c r="E164" s="51" t="s">
        <v>670</v>
      </c>
      <c r="F164" t="s">
        <v>246</v>
      </c>
      <c r="G164" s="26" t="s">
        <v>82</v>
      </c>
      <c r="H164" t="s">
        <v>247</v>
      </c>
      <c r="J164" s="24" t="s">
        <v>1297</v>
      </c>
      <c r="K164" s="26" t="s">
        <v>531</v>
      </c>
      <c r="L164" t="s">
        <v>1250</v>
      </c>
      <c r="M164" s="26" t="s">
        <v>1435</v>
      </c>
      <c r="N164" t="s">
        <v>1254</v>
      </c>
      <c r="O164" t="s">
        <v>1257</v>
      </c>
      <c r="P164" s="25"/>
    </row>
    <row r="165" spans="1:16" x14ac:dyDescent="0.3">
      <c r="A165" s="26" t="s">
        <v>857</v>
      </c>
      <c r="B165" s="26" t="s">
        <v>858</v>
      </c>
      <c r="C165" s="24" t="s">
        <v>859</v>
      </c>
      <c r="D165" s="50" t="s">
        <v>1240</v>
      </c>
      <c r="E165" s="26" t="s">
        <v>82</v>
      </c>
      <c r="F165" t="s">
        <v>861</v>
      </c>
      <c r="G165" s="26" t="s">
        <v>670</v>
      </c>
      <c r="H165" t="s">
        <v>862</v>
      </c>
      <c r="J165" s="29" t="s">
        <v>859</v>
      </c>
      <c r="K165" s="29" t="s">
        <v>858</v>
      </c>
      <c r="L165" t="s">
        <v>1259</v>
      </c>
      <c r="M165" s="26" t="s">
        <v>1261</v>
      </c>
      <c r="N165" s="24" t="s">
        <v>1262</v>
      </c>
      <c r="O165" t="s">
        <v>1260</v>
      </c>
      <c r="P165" s="25"/>
    </row>
    <row r="166" spans="1:16" x14ac:dyDescent="0.3">
      <c r="A166" s="28" t="s">
        <v>1293</v>
      </c>
      <c r="B166" s="26" t="s">
        <v>1853</v>
      </c>
      <c r="C166" s="50" t="s">
        <v>1854</v>
      </c>
      <c r="D166" s="51" t="s">
        <v>1240</v>
      </c>
      <c r="E166" t="s">
        <v>82</v>
      </c>
      <c r="F166" s="26" t="s">
        <v>1281</v>
      </c>
      <c r="G166" t="s">
        <v>624</v>
      </c>
      <c r="H166" s="29" t="s">
        <v>1335</v>
      </c>
      <c r="I166" s="24"/>
      <c r="J166" s="26" t="s">
        <v>1854</v>
      </c>
      <c r="K166" t="s">
        <v>529</v>
      </c>
      <c r="L166" s="29" t="s">
        <v>1282</v>
      </c>
      <c r="M166" t="s">
        <v>1283</v>
      </c>
      <c r="N166" t="s">
        <v>1295</v>
      </c>
      <c r="O166" s="25" t="s">
        <v>1284</v>
      </c>
    </row>
    <row r="167" spans="1:16" x14ac:dyDescent="0.3">
      <c r="A167" s="58" t="s">
        <v>1293</v>
      </c>
      <c r="B167" s="59" t="s">
        <v>1855</v>
      </c>
      <c r="C167" s="37" t="s">
        <v>1854</v>
      </c>
      <c r="D167" s="25" t="s">
        <v>1240</v>
      </c>
      <c r="E167" s="58" t="s">
        <v>82</v>
      </c>
      <c r="F167" s="25" t="s">
        <v>1286</v>
      </c>
      <c r="G167" s="37" t="s">
        <v>624</v>
      </c>
      <c r="H167" s="54" t="s">
        <v>1336</v>
      </c>
      <c r="I167" s="37"/>
      <c r="J167" s="61" t="s">
        <v>1854</v>
      </c>
      <c r="K167" s="61" t="s">
        <v>1285</v>
      </c>
      <c r="L167" s="31" t="s">
        <v>1287</v>
      </c>
      <c r="M167" s="60" t="s">
        <v>1288</v>
      </c>
      <c r="N167" s="25" t="s">
        <v>1289</v>
      </c>
      <c r="O167" s="25" t="s">
        <v>1290</v>
      </c>
    </row>
    <row r="168" spans="1:16" x14ac:dyDescent="0.3">
      <c r="A168" s="26" t="s">
        <v>260</v>
      </c>
      <c r="B168" s="26" t="s">
        <v>757</v>
      </c>
      <c r="C168" s="24" t="s">
        <v>481</v>
      </c>
      <c r="D168" s="50" t="s">
        <v>1240</v>
      </c>
      <c r="E168" s="26" t="s">
        <v>83</v>
      </c>
      <c r="F168" t="s">
        <v>39</v>
      </c>
      <c r="G168" s="26" t="s">
        <v>82</v>
      </c>
      <c r="H168" t="s">
        <v>1291</v>
      </c>
      <c r="J168" s="29" t="s">
        <v>481</v>
      </c>
      <c r="K168" s="29" t="s">
        <v>757</v>
      </c>
      <c r="L168" t="s">
        <v>554</v>
      </c>
      <c r="M168" s="26" t="s">
        <v>1465</v>
      </c>
      <c r="N168" s="24" t="s">
        <v>1294</v>
      </c>
      <c r="O168" t="s">
        <v>1292</v>
      </c>
    </row>
    <row r="169" spans="1:16" x14ac:dyDescent="0.3">
      <c r="B169" s="26" t="s">
        <v>609</v>
      </c>
      <c r="C169" s="25" t="s">
        <v>610</v>
      </c>
      <c r="D169" s="50" t="s">
        <v>1240</v>
      </c>
      <c r="E169" s="25" t="s">
        <v>670</v>
      </c>
      <c r="F169" t="s">
        <v>412</v>
      </c>
      <c r="G169" s="25" t="s">
        <v>82</v>
      </c>
      <c r="H169" s="25" t="s">
        <v>1499</v>
      </c>
      <c r="I169" s="25"/>
      <c r="J169" s="31" t="s">
        <v>1491</v>
      </c>
      <c r="K169" s="26" t="s">
        <v>609</v>
      </c>
      <c r="L169" s="31" t="s">
        <v>1492</v>
      </c>
      <c r="M169" s="25" t="s">
        <v>1408</v>
      </c>
      <c r="N169" s="25" t="s">
        <v>1494</v>
      </c>
      <c r="O169" s="25" t="s">
        <v>1496</v>
      </c>
    </row>
    <row r="170" spans="1:16" x14ac:dyDescent="0.3">
      <c r="B170" s="26" t="s">
        <v>751</v>
      </c>
      <c r="C170" s="25" t="s">
        <v>610</v>
      </c>
      <c r="D170" s="50" t="s">
        <v>1240</v>
      </c>
      <c r="E170" s="25" t="s">
        <v>82</v>
      </c>
      <c r="F170" s="25" t="s">
        <v>1500</v>
      </c>
      <c r="G170" s="25" t="s">
        <v>670</v>
      </c>
      <c r="H170" t="s">
        <v>1498</v>
      </c>
      <c r="I170" s="25"/>
      <c r="J170" s="31" t="s">
        <v>1491</v>
      </c>
      <c r="K170" s="26" t="s">
        <v>751</v>
      </c>
      <c r="L170" s="31" t="s">
        <v>1493</v>
      </c>
      <c r="M170" s="25" t="s">
        <v>1407</v>
      </c>
      <c r="N170" s="25" t="s">
        <v>1495</v>
      </c>
      <c r="O170" s="25" t="s">
        <v>1497</v>
      </c>
    </row>
    <row r="171" spans="1:16" x14ac:dyDescent="0.3">
      <c r="A171" s="25" t="s">
        <v>259</v>
      </c>
      <c r="B171" s="26" t="s">
        <v>1856</v>
      </c>
      <c r="C171" s="24" t="s">
        <v>1857</v>
      </c>
      <c r="D171" s="26" t="s">
        <v>1298</v>
      </c>
      <c r="E171" s="25" t="s">
        <v>624</v>
      </c>
      <c r="F171" s="26" t="s">
        <v>1299</v>
      </c>
      <c r="G171" s="26" t="s">
        <v>82</v>
      </c>
      <c r="H171" s="26" t="s">
        <v>35</v>
      </c>
      <c r="J171" s="29" t="s">
        <v>738</v>
      </c>
      <c r="K171" s="29" t="s">
        <v>1300</v>
      </c>
      <c r="L171" s="62" t="s">
        <v>1301</v>
      </c>
      <c r="M171" s="26" t="s">
        <v>1425</v>
      </c>
      <c r="N171" s="24" t="s">
        <v>1302</v>
      </c>
      <c r="O171" s="24" t="s">
        <v>1303</v>
      </c>
    </row>
    <row r="172" spans="1:16" x14ac:dyDescent="0.3">
      <c r="A172" s="25" t="s">
        <v>259</v>
      </c>
      <c r="B172" s="26" t="s">
        <v>1858</v>
      </c>
      <c r="C172" s="26" t="s">
        <v>1858</v>
      </c>
      <c r="D172" s="26" t="s">
        <v>1298</v>
      </c>
      <c r="E172" s="26" t="s">
        <v>82</v>
      </c>
      <c r="F172" s="26" t="s">
        <v>1304</v>
      </c>
      <c r="G172" s="26" t="s">
        <v>624</v>
      </c>
      <c r="H172" s="26" t="s">
        <v>1305</v>
      </c>
      <c r="J172" s="26" t="s">
        <v>1858</v>
      </c>
      <c r="K172" s="26" t="s">
        <v>1858</v>
      </c>
      <c r="L172" s="62" t="s">
        <v>1306</v>
      </c>
      <c r="M172" s="26" t="s">
        <v>1307</v>
      </c>
      <c r="N172" s="24" t="s">
        <v>1308</v>
      </c>
      <c r="O172" s="24" t="s">
        <v>1309</v>
      </c>
    </row>
    <row r="173" spans="1:16" x14ac:dyDescent="0.3">
      <c r="A173" s="25" t="s">
        <v>707</v>
      </c>
      <c r="B173" s="26" t="s">
        <v>849</v>
      </c>
      <c r="C173" s="24" t="s">
        <v>1310</v>
      </c>
      <c r="D173" s="26" t="s">
        <v>1298</v>
      </c>
      <c r="E173" s="26" t="s">
        <v>82</v>
      </c>
      <c r="F173" s="26" t="s">
        <v>850</v>
      </c>
      <c r="G173" s="26" t="s">
        <v>83</v>
      </c>
      <c r="H173" s="32" t="s">
        <v>119</v>
      </c>
      <c r="J173" s="24" t="s">
        <v>1310</v>
      </c>
      <c r="K173" s="26" t="s">
        <v>849</v>
      </c>
      <c r="L173" s="62" t="s">
        <v>1311</v>
      </c>
      <c r="M173" s="25" t="s">
        <v>1381</v>
      </c>
      <c r="N173" s="63" t="s">
        <v>1312</v>
      </c>
      <c r="O173" s="24" t="s">
        <v>1313</v>
      </c>
    </row>
    <row r="174" spans="1:16" x14ac:dyDescent="0.3">
      <c r="A174" s="32" t="s">
        <v>258</v>
      </c>
      <c r="B174" s="26" t="s">
        <v>1379</v>
      </c>
      <c r="C174" s="24" t="s">
        <v>484</v>
      </c>
      <c r="D174" s="26" t="s">
        <v>1339</v>
      </c>
      <c r="E174" s="26" t="s">
        <v>82</v>
      </c>
      <c r="F174" s="26" t="s">
        <v>120</v>
      </c>
      <c r="G174" s="26" t="s">
        <v>747</v>
      </c>
      <c r="H174" t="s">
        <v>1380</v>
      </c>
      <c r="J174" s="24" t="s">
        <v>484</v>
      </c>
      <c r="K174" s="26" t="s">
        <v>1379</v>
      </c>
      <c r="L174" s="62" t="s">
        <v>1441</v>
      </c>
      <c r="M174" t="s">
        <v>1382</v>
      </c>
      <c r="O174" s="24" t="s">
        <v>1439</v>
      </c>
    </row>
    <row r="175" spans="1:16" x14ac:dyDescent="0.3">
      <c r="A175" s="32" t="s">
        <v>258</v>
      </c>
      <c r="B175" s="26" t="s">
        <v>1379</v>
      </c>
      <c r="C175" s="24" t="s">
        <v>484</v>
      </c>
      <c r="D175" s="26" t="s">
        <v>1339</v>
      </c>
      <c r="E175" s="26" t="s">
        <v>82</v>
      </c>
      <c r="F175" s="26" t="s">
        <v>120</v>
      </c>
      <c r="G175" s="26" t="s">
        <v>670</v>
      </c>
      <c r="H175" t="s">
        <v>119</v>
      </c>
      <c r="J175" s="24" t="s">
        <v>484</v>
      </c>
      <c r="K175" s="26" t="s">
        <v>1379</v>
      </c>
      <c r="L175" s="62" t="s">
        <v>1442</v>
      </c>
      <c r="M175" s="26" t="s">
        <v>1383</v>
      </c>
      <c r="N175" s="37" t="s">
        <v>151</v>
      </c>
      <c r="O175" s="24" t="s">
        <v>1440</v>
      </c>
    </row>
    <row r="176" spans="1:16" x14ac:dyDescent="0.3">
      <c r="A176" s="25" t="s">
        <v>707</v>
      </c>
      <c r="B176" t="s">
        <v>1338</v>
      </c>
      <c r="C176" s="25" t="s">
        <v>1337</v>
      </c>
      <c r="D176" s="25" t="s">
        <v>1339</v>
      </c>
      <c r="E176" s="25" t="s">
        <v>670</v>
      </c>
      <c r="F176" s="25" t="s">
        <v>721</v>
      </c>
      <c r="G176" s="25" t="s">
        <v>82</v>
      </c>
      <c r="H176" s="25" t="s">
        <v>113</v>
      </c>
      <c r="I176" s="25"/>
      <c r="J176" s="31" t="s">
        <v>1337</v>
      </c>
      <c r="K176" s="31" t="s">
        <v>1338</v>
      </c>
      <c r="L176" s="31" t="s">
        <v>1484</v>
      </c>
      <c r="M176" s="25" t="s">
        <v>1387</v>
      </c>
      <c r="N176" s="25" t="s">
        <v>1482</v>
      </c>
      <c r="O176" s="25" t="s">
        <v>1483</v>
      </c>
    </row>
    <row r="177" spans="1:15" ht="28.8" x14ac:dyDescent="0.3">
      <c r="A177" s="26" t="s">
        <v>1471</v>
      </c>
      <c r="B177" s="26" t="s">
        <v>1563</v>
      </c>
      <c r="C177" s="26" t="s">
        <v>1564</v>
      </c>
      <c r="D177" s="26" t="s">
        <v>1566</v>
      </c>
      <c r="E177" s="26" t="s">
        <v>670</v>
      </c>
      <c r="F177" s="26" t="s">
        <v>1567</v>
      </c>
      <c r="G177" s="26" t="s">
        <v>82</v>
      </c>
      <c r="H177" s="29" t="s">
        <v>1570</v>
      </c>
      <c r="J177" s="29" t="s">
        <v>1564</v>
      </c>
      <c r="K177" s="29" t="s">
        <v>1563</v>
      </c>
      <c r="L177" s="62" t="s">
        <v>1574</v>
      </c>
      <c r="M177" s="26" t="s">
        <v>1571</v>
      </c>
      <c r="N177" s="56" t="s">
        <v>1577</v>
      </c>
      <c r="O177" s="24" t="s">
        <v>1575</v>
      </c>
    </row>
    <row r="178" spans="1:15" ht="28.8" x14ac:dyDescent="0.3">
      <c r="A178" s="26" t="s">
        <v>1471</v>
      </c>
      <c r="B178" s="40" t="s">
        <v>1565</v>
      </c>
      <c r="C178" s="26" t="s">
        <v>1564</v>
      </c>
      <c r="D178" s="26" t="s">
        <v>1566</v>
      </c>
      <c r="E178" s="26" t="s">
        <v>670</v>
      </c>
      <c r="F178" s="26" t="s">
        <v>1568</v>
      </c>
      <c r="G178" s="26" t="s">
        <v>82</v>
      </c>
      <c r="H178" s="29" t="s">
        <v>1569</v>
      </c>
      <c r="J178" s="29" t="s">
        <v>1564</v>
      </c>
      <c r="K178" s="29" t="s">
        <v>1565</v>
      </c>
      <c r="L178" s="62" t="s">
        <v>1573</v>
      </c>
      <c r="M178" s="26" t="s">
        <v>1572</v>
      </c>
      <c r="N178" s="56" t="s">
        <v>1578</v>
      </c>
      <c r="O178" s="24" t="s">
        <v>1576</v>
      </c>
    </row>
    <row r="179" spans="1:15" ht="28.8" x14ac:dyDescent="0.3">
      <c r="A179" s="26" t="s">
        <v>1471</v>
      </c>
      <c r="B179" s="26" t="s">
        <v>1563</v>
      </c>
      <c r="C179" s="26" t="s">
        <v>1564</v>
      </c>
      <c r="D179" s="26" t="s">
        <v>1566</v>
      </c>
      <c r="E179" s="26" t="s">
        <v>83</v>
      </c>
      <c r="F179" s="26" t="s">
        <v>1567</v>
      </c>
      <c r="G179" s="26" t="s">
        <v>82</v>
      </c>
      <c r="H179" s="29" t="s">
        <v>1570</v>
      </c>
      <c r="J179" s="29" t="s">
        <v>1564</v>
      </c>
      <c r="K179" s="29" t="s">
        <v>1563</v>
      </c>
      <c r="L179" s="62" t="s">
        <v>1584</v>
      </c>
      <c r="M179" s="26" t="s">
        <v>1571</v>
      </c>
      <c r="N179" s="56" t="s">
        <v>1583</v>
      </c>
      <c r="O179" s="24" t="s">
        <v>1581</v>
      </c>
    </row>
    <row r="180" spans="1:15" ht="28.8" x14ac:dyDescent="0.3">
      <c r="A180" s="26" t="s">
        <v>1471</v>
      </c>
      <c r="B180" s="40" t="s">
        <v>1565</v>
      </c>
      <c r="C180" s="26" t="s">
        <v>1564</v>
      </c>
      <c r="D180" s="26" t="s">
        <v>1566</v>
      </c>
      <c r="E180" s="26" t="s">
        <v>83</v>
      </c>
      <c r="F180" s="26" t="s">
        <v>1568</v>
      </c>
      <c r="G180" s="26" t="s">
        <v>82</v>
      </c>
      <c r="H180" s="29" t="s">
        <v>1569</v>
      </c>
      <c r="J180" s="29" t="s">
        <v>1564</v>
      </c>
      <c r="K180" s="29" t="s">
        <v>1565</v>
      </c>
      <c r="L180" s="62" t="s">
        <v>1585</v>
      </c>
      <c r="M180" s="26" t="s">
        <v>1572</v>
      </c>
      <c r="N180" s="56" t="s">
        <v>1586</v>
      </c>
      <c r="O180" s="24" t="s">
        <v>1582</v>
      </c>
    </row>
    <row r="181" spans="1:15" ht="28.8" x14ac:dyDescent="0.3">
      <c r="A181" s="25" t="s">
        <v>259</v>
      </c>
      <c r="B181" s="26" t="s">
        <v>1859</v>
      </c>
      <c r="C181" s="26" t="s">
        <v>1587</v>
      </c>
      <c r="D181" s="26" t="s">
        <v>1566</v>
      </c>
      <c r="E181" s="26" t="s">
        <v>82</v>
      </c>
      <c r="F181" s="26" t="s">
        <v>1588</v>
      </c>
      <c r="G181" s="26" t="s">
        <v>624</v>
      </c>
      <c r="H181" s="26" t="s">
        <v>1589</v>
      </c>
      <c r="J181" s="26" t="s">
        <v>1859</v>
      </c>
      <c r="K181" s="26" t="s">
        <v>1859</v>
      </c>
      <c r="L181" s="62" t="s">
        <v>1590</v>
      </c>
      <c r="M181" s="26" t="s">
        <v>1591</v>
      </c>
      <c r="N181" s="56" t="s">
        <v>1592</v>
      </c>
      <c r="O181" s="24" t="s">
        <v>1593</v>
      </c>
    </row>
    <row r="182" spans="1:15" ht="28.8" x14ac:dyDescent="0.3">
      <c r="A182" s="26" t="s">
        <v>1471</v>
      </c>
      <c r="B182" s="40" t="s">
        <v>1594</v>
      </c>
      <c r="C182" s="40" t="s">
        <v>1594</v>
      </c>
      <c r="D182" s="26" t="s">
        <v>1566</v>
      </c>
      <c r="E182" s="26" t="s">
        <v>747</v>
      </c>
      <c r="F182" s="26" t="s">
        <v>1595</v>
      </c>
      <c r="G182" s="26" t="s">
        <v>82</v>
      </c>
      <c r="H182" s="26" t="s">
        <v>1596</v>
      </c>
      <c r="J182" s="40" t="s">
        <v>1594</v>
      </c>
      <c r="K182" s="40" t="s">
        <v>1594</v>
      </c>
      <c r="L182" s="62" t="s">
        <v>1597</v>
      </c>
      <c r="M182" s="26" t="s">
        <v>1598</v>
      </c>
      <c r="N182" s="56" t="s">
        <v>1599</v>
      </c>
      <c r="O182" s="24" t="s">
        <v>1600</v>
      </c>
    </row>
    <row r="183" spans="1:15" x14ac:dyDescent="0.3">
      <c r="A183" s="26" t="s">
        <v>1471</v>
      </c>
      <c r="B183" s="26" t="s">
        <v>480</v>
      </c>
      <c r="C183" s="24" t="s">
        <v>1748</v>
      </c>
      <c r="D183" s="26" t="s">
        <v>1566</v>
      </c>
      <c r="E183" s="26" t="s">
        <v>747</v>
      </c>
      <c r="F183" s="26" t="s">
        <v>1601</v>
      </c>
      <c r="G183" s="26" t="s">
        <v>82</v>
      </c>
      <c r="H183" s="26" t="s">
        <v>106</v>
      </c>
      <c r="J183" s="31" t="s">
        <v>266</v>
      </c>
      <c r="K183" s="31" t="s">
        <v>480</v>
      </c>
      <c r="L183" s="62" t="s">
        <v>1602</v>
      </c>
      <c r="M183" s="26" t="s">
        <v>1388</v>
      </c>
      <c r="N183" s="24" t="s">
        <v>1603</v>
      </c>
      <c r="O183" s="24" t="s">
        <v>1604</v>
      </c>
    </row>
    <row r="184" spans="1:15" x14ac:dyDescent="0.3">
      <c r="A184" s="26" t="s">
        <v>592</v>
      </c>
      <c r="B184" s="26" t="s">
        <v>1609</v>
      </c>
      <c r="C184" s="24" t="s">
        <v>713</v>
      </c>
      <c r="D184" s="26" t="s">
        <v>1566</v>
      </c>
      <c r="E184" s="26" t="s">
        <v>747</v>
      </c>
      <c r="F184" s="26" t="s">
        <v>1610</v>
      </c>
      <c r="G184" s="26" t="s">
        <v>82</v>
      </c>
      <c r="H184" s="26" t="s">
        <v>1611</v>
      </c>
      <c r="J184" s="24" t="s">
        <v>713</v>
      </c>
      <c r="K184" s="26" t="s">
        <v>1609</v>
      </c>
      <c r="L184" s="26" t="s">
        <v>1607</v>
      </c>
      <c r="M184" s="26" t="s">
        <v>1608</v>
      </c>
      <c r="N184" s="24" t="s">
        <v>1605</v>
      </c>
      <c r="O184" s="24" t="s">
        <v>1606</v>
      </c>
    </row>
    <row r="185" spans="1:15" x14ac:dyDescent="0.3">
      <c r="A185" s="25" t="s">
        <v>260</v>
      </c>
      <c r="B185" s="40" t="s">
        <v>757</v>
      </c>
      <c r="C185" s="25" t="s">
        <v>481</v>
      </c>
      <c r="D185" s="25" t="s">
        <v>366</v>
      </c>
      <c r="E185" s="25" t="s">
        <v>747</v>
      </c>
      <c r="F185" s="25" t="s">
        <v>1612</v>
      </c>
      <c r="G185" s="25" t="s">
        <v>82</v>
      </c>
      <c r="H185" s="25" t="s">
        <v>1291</v>
      </c>
      <c r="I185" s="25"/>
      <c r="J185" s="31" t="s">
        <v>481</v>
      </c>
      <c r="K185" s="31" t="s">
        <v>757</v>
      </c>
      <c r="L185" s="31" t="s">
        <v>490</v>
      </c>
      <c r="M185" s="25" t="s">
        <v>1465</v>
      </c>
      <c r="N185" s="25" t="s">
        <v>1613</v>
      </c>
      <c r="O185" s="25" t="s">
        <v>1614</v>
      </c>
    </row>
    <row r="186" spans="1:15" ht="28.8" x14ac:dyDescent="0.3">
      <c r="A186" s="26" t="s">
        <v>1471</v>
      </c>
      <c r="B186" s="40" t="s">
        <v>1757</v>
      </c>
      <c r="C186" s="24" t="s">
        <v>1594</v>
      </c>
      <c r="D186" s="26" t="s">
        <v>1751</v>
      </c>
      <c r="E186" s="26" t="s">
        <v>670</v>
      </c>
      <c r="F186" s="26" t="s">
        <v>1595</v>
      </c>
      <c r="G186" s="26" t="s">
        <v>82</v>
      </c>
      <c r="H186" s="25" t="s">
        <v>1596</v>
      </c>
      <c r="L186" s="62" t="s">
        <v>1758</v>
      </c>
      <c r="M186" s="26" t="s">
        <v>1759</v>
      </c>
      <c r="N186" s="56" t="s">
        <v>1760</v>
      </c>
      <c r="O186" s="24" t="s">
        <v>1761</v>
      </c>
    </row>
    <row r="187" spans="1:15" x14ac:dyDescent="0.3">
      <c r="A187" s="26" t="s">
        <v>1471</v>
      </c>
      <c r="B187" s="26" t="s">
        <v>1762</v>
      </c>
      <c r="C187" s="24" t="s">
        <v>1594</v>
      </c>
      <c r="D187" s="26" t="s">
        <v>1763</v>
      </c>
      <c r="E187" s="26" t="s">
        <v>670</v>
      </c>
      <c r="F187" s="26" t="s">
        <v>1764</v>
      </c>
      <c r="G187" s="26" t="s">
        <v>82</v>
      </c>
      <c r="H187" s="25" t="s">
        <v>1765</v>
      </c>
      <c r="L187" s="62" t="s">
        <v>1766</v>
      </c>
      <c r="M187" s="26" t="s">
        <v>1767</v>
      </c>
      <c r="N187" s="24" t="s">
        <v>1777</v>
      </c>
      <c r="O187" s="24" t="s">
        <v>1768</v>
      </c>
    </row>
    <row r="188" spans="1:15" x14ac:dyDescent="0.3">
      <c r="A188" s="26" t="s">
        <v>1778</v>
      </c>
      <c r="B188" s="26" t="s">
        <v>1769</v>
      </c>
      <c r="C188" s="24" t="s">
        <v>1770</v>
      </c>
      <c r="D188" s="26" t="s">
        <v>1763</v>
      </c>
      <c r="E188" s="26" t="s">
        <v>670</v>
      </c>
      <c r="F188" s="26" t="s">
        <v>1771</v>
      </c>
      <c r="G188" s="26" t="s">
        <v>82</v>
      </c>
      <c r="H188" s="25" t="s">
        <v>1772</v>
      </c>
      <c r="J188" s="24" t="s">
        <v>1770</v>
      </c>
      <c r="K188" s="26" t="s">
        <v>1769</v>
      </c>
      <c r="L188" s="62" t="s">
        <v>1775</v>
      </c>
      <c r="M188" s="26" t="s">
        <v>1776</v>
      </c>
      <c r="N188" s="24" t="s">
        <v>1774</v>
      </c>
      <c r="O188" s="24" t="s">
        <v>1773</v>
      </c>
    </row>
    <row r="189" spans="1:15" s="25" customFormat="1" x14ac:dyDescent="0.3">
      <c r="A189" s="32" t="s">
        <v>677</v>
      </c>
      <c r="B189" t="s">
        <v>482</v>
      </c>
      <c r="C189" s="25" t="s">
        <v>1750</v>
      </c>
      <c r="D189" s="25" t="s">
        <v>1763</v>
      </c>
      <c r="E189" s="32" t="s">
        <v>670</v>
      </c>
      <c r="F189" s="32" t="s">
        <v>1873</v>
      </c>
      <c r="G189" s="32" t="s">
        <v>82</v>
      </c>
      <c r="H189" s="32" t="s">
        <v>676</v>
      </c>
      <c r="I189" s="32"/>
      <c r="J189" s="25" t="s">
        <v>495</v>
      </c>
      <c r="K189" t="s">
        <v>482</v>
      </c>
      <c r="L189" s="34" t="s">
        <v>1874</v>
      </c>
      <c r="M189" s="32" t="s">
        <v>1875</v>
      </c>
      <c r="N189" s="35" t="s">
        <v>1876</v>
      </c>
      <c r="O189" s="32" t="s">
        <v>1877</v>
      </c>
    </row>
    <row r="190" spans="1:15" x14ac:dyDescent="0.3">
      <c r="A190" s="32" t="s">
        <v>735</v>
      </c>
      <c r="B190" s="26" t="s">
        <v>734</v>
      </c>
      <c r="C190" s="24" t="s">
        <v>733</v>
      </c>
      <c r="D190" s="26" t="s">
        <v>1763</v>
      </c>
      <c r="E190" s="26" t="s">
        <v>670</v>
      </c>
      <c r="F190" s="32" t="s">
        <v>730</v>
      </c>
      <c r="G190" s="26" t="s">
        <v>82</v>
      </c>
      <c r="H190" s="32" t="s">
        <v>729</v>
      </c>
      <c r="J190" s="34" t="s">
        <v>733</v>
      </c>
      <c r="K190" s="34" t="s">
        <v>734</v>
      </c>
      <c r="L190" s="62" t="s">
        <v>1869</v>
      </c>
      <c r="M190" s="26" t="s">
        <v>1870</v>
      </c>
      <c r="N190" s="24" t="s">
        <v>1871</v>
      </c>
      <c r="O190" s="24" t="s">
        <v>1872</v>
      </c>
    </row>
    <row r="191" spans="1:15" x14ac:dyDescent="0.3">
      <c r="A191" s="26" t="s">
        <v>1778</v>
      </c>
      <c r="B191" s="26" t="s">
        <v>1780</v>
      </c>
      <c r="C191" s="26" t="s">
        <v>1781</v>
      </c>
      <c r="D191" s="26" t="s">
        <v>1779</v>
      </c>
      <c r="E191" s="26" t="s">
        <v>747</v>
      </c>
      <c r="F191" s="26" t="s">
        <v>1771</v>
      </c>
      <c r="G191" s="26" t="s">
        <v>82</v>
      </c>
      <c r="H191" s="25" t="s">
        <v>1772</v>
      </c>
      <c r="J191" s="26" t="s">
        <v>1781</v>
      </c>
      <c r="K191" s="26" t="s">
        <v>1780</v>
      </c>
      <c r="L191" s="62" t="s">
        <v>1782</v>
      </c>
      <c r="M191" s="26" t="s">
        <v>1783</v>
      </c>
      <c r="N191" s="24" t="s">
        <v>1784</v>
      </c>
      <c r="O191" s="24" t="s">
        <v>1785</v>
      </c>
    </row>
    <row r="192" spans="1:15" x14ac:dyDescent="0.3">
      <c r="A192" s="26" t="s">
        <v>1471</v>
      </c>
      <c r="B192" s="26" t="s">
        <v>1786</v>
      </c>
      <c r="C192" s="24" t="s">
        <v>644</v>
      </c>
      <c r="D192" s="26" t="s">
        <v>1779</v>
      </c>
      <c r="E192" s="26" t="s">
        <v>747</v>
      </c>
      <c r="F192" s="26" t="s">
        <v>813</v>
      </c>
      <c r="G192" s="26" t="s">
        <v>82</v>
      </c>
      <c r="H192" s="25" t="s">
        <v>817</v>
      </c>
      <c r="J192" s="29" t="s">
        <v>644</v>
      </c>
      <c r="K192" s="29" t="s">
        <v>808</v>
      </c>
      <c r="L192" s="62" t="s">
        <v>1788</v>
      </c>
      <c r="M192" s="26" t="s">
        <v>1793</v>
      </c>
      <c r="N192" s="24" t="s">
        <v>151</v>
      </c>
      <c r="O192" s="24" t="s">
        <v>1787</v>
      </c>
    </row>
    <row r="193" spans="1:15" x14ac:dyDescent="0.3">
      <c r="A193" s="26" t="s">
        <v>1471</v>
      </c>
      <c r="B193" s="40" t="s">
        <v>1789</v>
      </c>
      <c r="C193" s="24" t="s">
        <v>644</v>
      </c>
      <c r="D193" s="26" t="s">
        <v>1779</v>
      </c>
      <c r="E193" s="26" t="s">
        <v>747</v>
      </c>
      <c r="F193" s="26" t="s">
        <v>810</v>
      </c>
      <c r="G193" s="26" t="s">
        <v>82</v>
      </c>
      <c r="H193" s="25" t="s">
        <v>816</v>
      </c>
      <c r="J193" s="24" t="s">
        <v>644</v>
      </c>
      <c r="K193" s="29" t="s">
        <v>809</v>
      </c>
      <c r="L193" s="62" t="s">
        <v>1791</v>
      </c>
      <c r="M193" s="26" t="s">
        <v>1792</v>
      </c>
      <c r="N193" s="24" t="s">
        <v>151</v>
      </c>
      <c r="O193" s="24" t="s">
        <v>1790</v>
      </c>
    </row>
    <row r="194" spans="1:15" x14ac:dyDescent="0.3">
      <c r="A194" s="26" t="s">
        <v>1471</v>
      </c>
      <c r="B194" s="26" t="s">
        <v>1794</v>
      </c>
      <c r="C194" s="24" t="s">
        <v>667</v>
      </c>
      <c r="D194" s="26" t="s">
        <v>1779</v>
      </c>
      <c r="E194" s="26" t="s">
        <v>82</v>
      </c>
      <c r="F194" s="26" t="s">
        <v>6</v>
      </c>
      <c r="G194" s="26" t="s">
        <v>747</v>
      </c>
      <c r="H194" s="25" t="s">
        <v>1798</v>
      </c>
      <c r="J194" s="29" t="s">
        <v>667</v>
      </c>
      <c r="K194" s="29" t="s">
        <v>516</v>
      </c>
      <c r="L194" s="62" t="s">
        <v>1795</v>
      </c>
      <c r="M194" s="26" t="s">
        <v>1796</v>
      </c>
      <c r="N194" s="24" t="s">
        <v>151</v>
      </c>
      <c r="O194" s="24" t="s">
        <v>1797</v>
      </c>
    </row>
    <row r="195" spans="1:15" x14ac:dyDescent="0.3">
      <c r="A195" s="26" t="s">
        <v>1471</v>
      </c>
      <c r="B195" s="40" t="s">
        <v>1799</v>
      </c>
      <c r="C195" s="24" t="s">
        <v>667</v>
      </c>
      <c r="D195" s="26" t="s">
        <v>1779</v>
      </c>
      <c r="E195" s="26" t="s">
        <v>747</v>
      </c>
      <c r="F195" s="26" t="s">
        <v>674</v>
      </c>
      <c r="G195" s="26" t="s">
        <v>82</v>
      </c>
      <c r="H195" s="25" t="s">
        <v>32</v>
      </c>
      <c r="J195" s="29" t="s">
        <v>667</v>
      </c>
      <c r="K195" s="29" t="s">
        <v>342</v>
      </c>
      <c r="L195" s="62" t="s">
        <v>1800</v>
      </c>
      <c r="M195" s="26" t="s">
        <v>1804</v>
      </c>
      <c r="N195" s="24" t="s">
        <v>1803</v>
      </c>
      <c r="O195" s="24" t="s">
        <v>1802</v>
      </c>
    </row>
    <row r="196" spans="1:15" x14ac:dyDescent="0.3">
      <c r="A196" s="26" t="s">
        <v>1471</v>
      </c>
      <c r="B196" s="26" t="s">
        <v>1805</v>
      </c>
      <c r="C196" s="24" t="s">
        <v>667</v>
      </c>
      <c r="D196" s="26" t="s">
        <v>1779</v>
      </c>
      <c r="E196" s="26" t="s">
        <v>747</v>
      </c>
      <c r="F196" s="26" t="s">
        <v>675</v>
      </c>
      <c r="G196" s="26" t="s">
        <v>82</v>
      </c>
      <c r="H196" s="25" t="s">
        <v>33</v>
      </c>
      <c r="J196" s="24" t="s">
        <v>667</v>
      </c>
      <c r="K196" s="29" t="s">
        <v>528</v>
      </c>
      <c r="L196" s="62" t="s">
        <v>1807</v>
      </c>
      <c r="M196" s="26" t="s">
        <v>1806</v>
      </c>
      <c r="N196" s="24" t="s">
        <v>1812</v>
      </c>
      <c r="O196" s="24" t="s">
        <v>1808</v>
      </c>
    </row>
    <row r="197" spans="1:15" x14ac:dyDescent="0.3">
      <c r="A197" s="26" t="s">
        <v>1471</v>
      </c>
      <c r="B197" s="26" t="s">
        <v>1809</v>
      </c>
      <c r="C197" s="24" t="s">
        <v>644</v>
      </c>
      <c r="D197" s="26" t="s">
        <v>1779</v>
      </c>
      <c r="E197" s="26" t="s">
        <v>82</v>
      </c>
      <c r="F197" s="26" t="s">
        <v>9</v>
      </c>
      <c r="G197" s="26" t="s">
        <v>747</v>
      </c>
      <c r="H197" s="29" t="s">
        <v>831</v>
      </c>
      <c r="J197" s="24" t="s">
        <v>644</v>
      </c>
      <c r="K197" s="24" t="s">
        <v>515</v>
      </c>
      <c r="L197" s="62" t="s">
        <v>1813</v>
      </c>
      <c r="M197" s="26" t="s">
        <v>1814</v>
      </c>
      <c r="N197" s="24" t="s">
        <v>1811</v>
      </c>
      <c r="O197" s="24" t="s">
        <v>1810</v>
      </c>
    </row>
    <row r="198" spans="1:15" x14ac:dyDescent="0.3">
      <c r="A198" s="26" t="s">
        <v>1471</v>
      </c>
      <c r="B198" s="26" t="s">
        <v>1815</v>
      </c>
      <c r="C198" s="24" t="s">
        <v>644</v>
      </c>
      <c r="D198" s="26" t="s">
        <v>1779</v>
      </c>
      <c r="E198" s="26" t="s">
        <v>82</v>
      </c>
      <c r="F198" s="78" t="s">
        <v>8</v>
      </c>
      <c r="G198" s="26" t="s">
        <v>747</v>
      </c>
      <c r="H198" s="79" t="s">
        <v>830</v>
      </c>
      <c r="J198" s="24" t="s">
        <v>644</v>
      </c>
      <c r="K198" s="31" t="s">
        <v>517</v>
      </c>
      <c r="L198" s="29" t="s">
        <v>1817</v>
      </c>
      <c r="M198" s="26" t="s">
        <v>1818</v>
      </c>
      <c r="N198" s="24" t="s">
        <v>1801</v>
      </c>
      <c r="O198" s="24" t="s">
        <v>1816</v>
      </c>
    </row>
    <row r="199" spans="1:15" x14ac:dyDescent="0.3">
      <c r="A199" s="26" t="s">
        <v>1826</v>
      </c>
      <c r="B199" s="26" t="s">
        <v>1819</v>
      </c>
      <c r="C199" s="24" t="s">
        <v>486</v>
      </c>
      <c r="D199" s="26" t="s">
        <v>1820</v>
      </c>
      <c r="E199" s="26" t="s">
        <v>670</v>
      </c>
      <c r="F199" s="26" t="s">
        <v>1825</v>
      </c>
      <c r="G199" s="26" t="s">
        <v>82</v>
      </c>
      <c r="H199" s="29" t="s">
        <v>111</v>
      </c>
      <c r="J199" s="30" t="s">
        <v>486</v>
      </c>
      <c r="K199" s="30" t="s">
        <v>1819</v>
      </c>
      <c r="L199" s="62" t="s">
        <v>1821</v>
      </c>
      <c r="M199" s="26" t="s">
        <v>1822</v>
      </c>
      <c r="N199" s="24" t="s">
        <v>1823</v>
      </c>
      <c r="O199" s="24" t="s">
        <v>1824</v>
      </c>
    </row>
    <row r="200" spans="1:15" x14ac:dyDescent="0.3">
      <c r="A200" s="26" t="s">
        <v>1826</v>
      </c>
      <c r="B200" s="26" t="s">
        <v>1832</v>
      </c>
      <c r="C200" s="24" t="s">
        <v>486</v>
      </c>
      <c r="D200" s="26" t="s">
        <v>1820</v>
      </c>
      <c r="E200" s="26" t="s">
        <v>747</v>
      </c>
      <c r="F200" s="26" t="s">
        <v>1825</v>
      </c>
      <c r="G200" s="26" t="s">
        <v>82</v>
      </c>
      <c r="H200" s="29" t="s">
        <v>111</v>
      </c>
      <c r="J200" s="30" t="s">
        <v>486</v>
      </c>
      <c r="K200" s="30" t="s">
        <v>1819</v>
      </c>
      <c r="L200" s="62" t="s">
        <v>1834</v>
      </c>
      <c r="M200" s="26" t="s">
        <v>1822</v>
      </c>
      <c r="N200" s="24" t="s">
        <v>1831</v>
      </c>
      <c r="O200" s="24" t="s">
        <v>1833</v>
      </c>
    </row>
    <row r="201" spans="1:15" x14ac:dyDescent="0.3">
      <c r="A201" s="26" t="s">
        <v>707</v>
      </c>
      <c r="B201" s="26" t="s">
        <v>1862</v>
      </c>
      <c r="C201" s="24" t="s">
        <v>1868</v>
      </c>
      <c r="D201" s="26" t="s">
        <v>1863</v>
      </c>
      <c r="E201" s="26" t="s">
        <v>82</v>
      </c>
      <c r="F201" s="26" t="s">
        <v>1864</v>
      </c>
      <c r="G201" s="26" t="s">
        <v>624</v>
      </c>
      <c r="H201" s="29" t="s">
        <v>625</v>
      </c>
      <c r="J201" s="30" t="s">
        <v>1867</v>
      </c>
      <c r="K201" s="30" t="s">
        <v>1866</v>
      </c>
      <c r="L201" s="62" t="s">
        <v>1865</v>
      </c>
      <c r="M201" s="26" t="s">
        <v>1416</v>
      </c>
      <c r="N201" s="24" t="s">
        <v>1860</v>
      </c>
      <c r="O201" s="24" t="s">
        <v>1861</v>
      </c>
    </row>
    <row r="202" spans="1:15" x14ac:dyDescent="0.3">
      <c r="B202" s="40"/>
      <c r="L202" s="62"/>
    </row>
    <row r="203" spans="1:15" x14ac:dyDescent="0.3">
      <c r="B203" s="40"/>
      <c r="L203" s="62"/>
    </row>
    <row r="204" spans="1:15" x14ac:dyDescent="0.3">
      <c r="B204" s="40"/>
      <c r="L204" s="62"/>
    </row>
    <row r="205" spans="1:15" x14ac:dyDescent="0.3">
      <c r="B205" s="40"/>
      <c r="L205" s="62"/>
    </row>
    <row r="206" spans="1:15" x14ac:dyDescent="0.3">
      <c r="B206" s="40"/>
      <c r="L206" s="62"/>
    </row>
    <row r="207" spans="1:15" x14ac:dyDescent="0.3">
      <c r="B207" s="40"/>
      <c r="L207" s="62"/>
    </row>
    <row r="208" spans="1:15" x14ac:dyDescent="0.3">
      <c r="B208" s="40"/>
      <c r="L208" s="62"/>
    </row>
    <row r="209" spans="2:12" x14ac:dyDescent="0.3">
      <c r="B209" s="40"/>
      <c r="L209" s="62"/>
    </row>
    <row r="210" spans="2:12" x14ac:dyDescent="0.3">
      <c r="B210" s="40"/>
      <c r="L210" s="62"/>
    </row>
    <row r="211" spans="2:12" x14ac:dyDescent="0.3">
      <c r="B211" s="40"/>
      <c r="L211" s="62"/>
    </row>
    <row r="212" spans="2:12" x14ac:dyDescent="0.3">
      <c r="B212" s="40"/>
      <c r="L212" s="62"/>
    </row>
    <row r="213" spans="2:12" x14ac:dyDescent="0.3">
      <c r="B213" s="40"/>
      <c r="L213" s="62"/>
    </row>
    <row r="214" spans="2:12" x14ac:dyDescent="0.3">
      <c r="B214" s="40"/>
      <c r="L214" s="62"/>
    </row>
    <row r="215" spans="2:12" x14ac:dyDescent="0.3">
      <c r="B215" s="40"/>
      <c r="L215" s="62"/>
    </row>
    <row r="216" spans="2:12" x14ac:dyDescent="0.3">
      <c r="B216" s="40"/>
      <c r="L216" s="62"/>
    </row>
    <row r="217" spans="2:12" x14ac:dyDescent="0.3">
      <c r="B217" s="40"/>
      <c r="L217" s="62"/>
    </row>
    <row r="218" spans="2:12" x14ac:dyDescent="0.3">
      <c r="B218" s="40"/>
      <c r="L218" s="62"/>
    </row>
    <row r="219" spans="2:12" x14ac:dyDescent="0.3">
      <c r="B219" s="40"/>
      <c r="L219" s="62"/>
    </row>
    <row r="220" spans="2:12" x14ac:dyDescent="0.3">
      <c r="B220" s="40"/>
      <c r="L220" s="62"/>
    </row>
  </sheetData>
  <hyperlinks>
    <hyperlink ref="O72" r:id="rId1" tooltip="com.sap.scenarios.crm2cod.simpleconnectivity" display="https://git.wdf.sap.corp:50000/git/?p=HSC/c4c-crm.git;a=tree;f=com.sap.scenarios.crm2cod.simpleconnectivity;hb=071d1eb3d195bdeab4aab4a7fd3a3656b37e0cf5" xr:uid="{00000000-0004-0000-0100-000000000000}"/>
    <hyperlink ref="O66" r:id="rId2" tooltip="com.sap.scenarios.cod2crm.businessdocumentflowquery" display="https://git.wdf.sap.corp:50000/git/?p=HSC/c4c-crm.git;a=tree;f=com.sap.scenarios.cod2crm.businessdocumentflowquery;hb=25acaf03fe0d258e40b235aa04c1088a64c19017" xr:uid="{00000000-0004-0000-0100-000001000000}"/>
    <hyperlink ref="O68" r:id="rId3" tooltip="com.sap.scenarios.cod2crm.salesdocumentprintpreview.request" display="https://git.wdf.sap.corp:50000/git/?p=HSC/c4c-crm.git;a=tree;f=com.sap.scenarios.cod2crm.salesdocumentprintpreview.request;hb=2c3d4e162f7ef625716f99d63e25cb169e55e803" xr:uid="{00000000-0004-0000-0100-000002000000}"/>
    <hyperlink ref="O73" r:id="rId4" tooltip="com.sap.scenarios.crm2cod.simpleconnectivity" display="https://git.wdf.sap.corp:50000/git/?p=HSC/c4c-crm.git;a=tree;f=com.sap.scenarios.crm2cod.simpleconnectivity;hb=071d1eb3d195bdeab4aab4a7fd3a3656b37e0cf5" xr:uid="{00000000-0004-0000-0100-000003000000}"/>
    <hyperlink ref="O70" r:id="rId5" tooltip="com.sap.scenarios.crm2cod.simpleconnectivity" display="https://git.wdf.sap.corp:50000/git/?p=HSC/c4c-crm.git;a=tree;f=com.sap.scenarios.crm2cod.simpleconnectivity;hb=071d1eb3d195bdeab4aab4a7fd3a3656b37e0cf5" xr:uid="{00000000-0004-0000-0100-000004000000}"/>
    <hyperlink ref="O67" r:id="rId6" tooltip="com.sap.scenarios.cod2crm.businessdocumentflowquery" display="https://git.wdf.sap.corp:50000/git/?p=HSC/c4c-crm.git;a=tree;f=com.sap.scenarios.cod2crm.businessdocumentflowquery;hb=25acaf03fe0d258e40b235aa04c1088a64c19017" xr:uid="{00000000-0004-0000-0100-000005000000}"/>
    <hyperlink ref="B67" r:id="rId7" tooltip="Click to view details" display="javascript:void(0);" xr:uid="{00000000-0004-0000-0100-000006000000}"/>
    <hyperlink ref="K84" r:id="rId8" tooltip="Click to view details" display="javascript:void(0);" xr:uid="{00000000-0004-0000-0100-000007000000}"/>
    <hyperlink ref="K85" r:id="rId9" tooltip="Click to view details" display="javascript:void(0);" xr:uid="{00000000-0004-0000-0100-000008000000}"/>
    <hyperlink ref="B90" r:id="rId10" tooltip="Click to view details" display="javascript:void(0);" xr:uid="{00000000-0004-0000-0100-000009000000}"/>
    <hyperlink ref="B91" r:id="rId11" tooltip="Click to view details" display="javascript:void(0);" xr:uid="{00000000-0004-0000-0100-00000A000000}"/>
    <hyperlink ref="K96" r:id="rId12" tooltip="com.sap.scenarios.cod2erp.contractattachment.replicate" display="javascript:void(0);" xr:uid="{00000000-0004-0000-0100-00000B000000}"/>
    <hyperlink ref="J45" r:id="rId13" tooltip="Creation of Ticket Follow Up Document in SAP Business Suite" display="https://qxl-cust238.dev.sapbydesign.com/sap/public/ap/ui/repository/SAP_UI/HTML5/client.html?client_type=html&amp;app.component=/SAP_UI_CT/Main/root.uiccwoc&amp;rootWindow=X&amp;redirectUrl=/sap/public/ap/ui/runtime" xr:uid="{00000000-0004-0000-0100-00000C000000}"/>
    <hyperlink ref="B144" r:id="rId14" tooltip="Click to view details" display="javascript:void(0);" xr:uid="{00000000-0004-0000-0100-00000D000000}"/>
    <hyperlink ref="K156" r:id="rId15" tooltip="com.sap.scenarios.cod2erp.contractattachment.replicate" display="javascript:void(0);" xr:uid="{00000000-0004-0000-0100-00000E000000}"/>
  </hyperlinks>
  <pageMargins left="0.7" right="0.7" top="0.75" bottom="0.75" header="0.3" footer="0.3"/>
  <pageSetup paperSize="9" orientation="portrait" horizontalDpi="300" r:id="rId16"/>
  <colBreaks count="1" manualBreakCount="1">
    <brk id="2" max="109" man="1"/>
  </colBreaks>
  <legacyDrawing r:id="rId17"/>
  <tableParts count="1">
    <tablePart r:id="rId18"/>
  </tablePart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O60"/>
  <sheetViews>
    <sheetView workbookViewId="0"/>
  </sheetViews>
  <sheetFormatPr defaultRowHeight="14.4" x14ac:dyDescent="0.3"/>
  <cols>
    <col min="1" max="1" width="23.88671875" customWidth="1"/>
    <col min="2" max="2" width="36.6640625" customWidth="1"/>
    <col min="3" max="3" width="30.33203125" style="15" customWidth="1"/>
    <col min="4" max="4" width="12.44140625" customWidth="1"/>
    <col min="5" max="5" width="6.88671875" customWidth="1"/>
    <col min="6" max="6" width="34.44140625" customWidth="1"/>
    <col min="7" max="7" width="49.6640625" customWidth="1"/>
    <col min="8" max="8" width="7.6640625" customWidth="1"/>
    <col min="9" max="9" width="45.6640625" customWidth="1"/>
    <col min="10" max="10" width="63" customWidth="1"/>
    <col min="11" max="11" width="43.21875" customWidth="1"/>
    <col min="12" max="12" width="59.33203125" customWidth="1"/>
    <col min="13" max="13" width="38.88671875" customWidth="1"/>
    <col min="14" max="14" width="77.88671875" customWidth="1"/>
    <col min="15" max="15" width="65.44140625" customWidth="1"/>
    <col min="257" max="257" width="29.109375" customWidth="1"/>
    <col min="258" max="258" width="69.88671875" customWidth="1"/>
    <col min="259" max="259" width="49" customWidth="1"/>
    <col min="260" max="260" width="12.44140625" customWidth="1"/>
    <col min="261" max="261" width="6.88671875" customWidth="1"/>
    <col min="262" max="262" width="34.44140625" customWidth="1"/>
    <col min="263" max="263" width="65.44140625" customWidth="1"/>
    <col min="264" max="264" width="7.6640625" customWidth="1"/>
    <col min="265" max="265" width="45.6640625" customWidth="1"/>
    <col min="266" max="266" width="63" customWidth="1"/>
    <col min="267" max="267" width="68.88671875" customWidth="1"/>
    <col min="268" max="268" width="59.33203125" customWidth="1"/>
    <col min="269" max="269" width="38.88671875" customWidth="1"/>
    <col min="270" max="270" width="77.88671875" customWidth="1"/>
    <col min="271" max="271" width="65.44140625" customWidth="1"/>
    <col min="513" max="513" width="29.109375" customWidth="1"/>
    <col min="514" max="514" width="69.88671875" customWidth="1"/>
    <col min="515" max="515" width="49" customWidth="1"/>
    <col min="516" max="516" width="12.44140625" customWidth="1"/>
    <col min="517" max="517" width="6.88671875" customWidth="1"/>
    <col min="518" max="518" width="34.44140625" customWidth="1"/>
    <col min="519" max="519" width="65.44140625" customWidth="1"/>
    <col min="520" max="520" width="7.6640625" customWidth="1"/>
    <col min="521" max="521" width="45.6640625" customWidth="1"/>
    <col min="522" max="522" width="63" customWidth="1"/>
    <col min="523" max="523" width="68.88671875" customWidth="1"/>
    <col min="524" max="524" width="59.33203125" customWidth="1"/>
    <col min="525" max="525" width="38.88671875" customWidth="1"/>
    <col min="526" max="526" width="77.88671875" customWidth="1"/>
    <col min="527" max="527" width="65.44140625" customWidth="1"/>
    <col min="769" max="769" width="29.109375" customWidth="1"/>
    <col min="770" max="770" width="69.88671875" customWidth="1"/>
    <col min="771" max="771" width="49" customWidth="1"/>
    <col min="772" max="772" width="12.44140625" customWidth="1"/>
    <col min="773" max="773" width="6.88671875" customWidth="1"/>
    <col min="774" max="774" width="34.44140625" customWidth="1"/>
    <col min="775" max="775" width="65.44140625" customWidth="1"/>
    <col min="776" max="776" width="7.6640625" customWidth="1"/>
    <col min="777" max="777" width="45.6640625" customWidth="1"/>
    <col min="778" max="778" width="63" customWidth="1"/>
    <col min="779" max="779" width="68.88671875" customWidth="1"/>
    <col min="780" max="780" width="59.33203125" customWidth="1"/>
    <col min="781" max="781" width="38.88671875" customWidth="1"/>
    <col min="782" max="782" width="77.88671875" customWidth="1"/>
    <col min="783" max="783" width="65.44140625" customWidth="1"/>
    <col min="1025" max="1025" width="29.109375" customWidth="1"/>
    <col min="1026" max="1026" width="69.88671875" customWidth="1"/>
    <col min="1027" max="1027" width="49" customWidth="1"/>
    <col min="1028" max="1028" width="12.44140625" customWidth="1"/>
    <col min="1029" max="1029" width="6.88671875" customWidth="1"/>
    <col min="1030" max="1030" width="34.44140625" customWidth="1"/>
    <col min="1031" max="1031" width="65.44140625" customWidth="1"/>
    <col min="1032" max="1032" width="7.6640625" customWidth="1"/>
    <col min="1033" max="1033" width="45.6640625" customWidth="1"/>
    <col min="1034" max="1034" width="63" customWidth="1"/>
    <col min="1035" max="1035" width="68.88671875" customWidth="1"/>
    <col min="1036" max="1036" width="59.33203125" customWidth="1"/>
    <col min="1037" max="1037" width="38.88671875" customWidth="1"/>
    <col min="1038" max="1038" width="77.88671875" customWidth="1"/>
    <col min="1039" max="1039" width="65.44140625" customWidth="1"/>
    <col min="1281" max="1281" width="29.109375" customWidth="1"/>
    <col min="1282" max="1282" width="69.88671875" customWidth="1"/>
    <col min="1283" max="1283" width="49" customWidth="1"/>
    <col min="1284" max="1284" width="12.44140625" customWidth="1"/>
    <col min="1285" max="1285" width="6.88671875" customWidth="1"/>
    <col min="1286" max="1286" width="34.44140625" customWidth="1"/>
    <col min="1287" max="1287" width="65.44140625" customWidth="1"/>
    <col min="1288" max="1288" width="7.6640625" customWidth="1"/>
    <col min="1289" max="1289" width="45.6640625" customWidth="1"/>
    <col min="1290" max="1290" width="63" customWidth="1"/>
    <col min="1291" max="1291" width="68.88671875" customWidth="1"/>
    <col min="1292" max="1292" width="59.33203125" customWidth="1"/>
    <col min="1293" max="1293" width="38.88671875" customWidth="1"/>
    <col min="1294" max="1294" width="77.88671875" customWidth="1"/>
    <col min="1295" max="1295" width="65.44140625" customWidth="1"/>
    <col min="1537" max="1537" width="29.109375" customWidth="1"/>
    <col min="1538" max="1538" width="69.88671875" customWidth="1"/>
    <col min="1539" max="1539" width="49" customWidth="1"/>
    <col min="1540" max="1540" width="12.44140625" customWidth="1"/>
    <col min="1541" max="1541" width="6.88671875" customWidth="1"/>
    <col min="1542" max="1542" width="34.44140625" customWidth="1"/>
    <col min="1543" max="1543" width="65.44140625" customWidth="1"/>
    <col min="1544" max="1544" width="7.6640625" customWidth="1"/>
    <col min="1545" max="1545" width="45.6640625" customWidth="1"/>
    <col min="1546" max="1546" width="63" customWidth="1"/>
    <col min="1547" max="1547" width="68.88671875" customWidth="1"/>
    <col min="1548" max="1548" width="59.33203125" customWidth="1"/>
    <col min="1549" max="1549" width="38.88671875" customWidth="1"/>
    <col min="1550" max="1550" width="77.88671875" customWidth="1"/>
    <col min="1551" max="1551" width="65.44140625" customWidth="1"/>
    <col min="1793" max="1793" width="29.109375" customWidth="1"/>
    <col min="1794" max="1794" width="69.88671875" customWidth="1"/>
    <col min="1795" max="1795" width="49" customWidth="1"/>
    <col min="1796" max="1796" width="12.44140625" customWidth="1"/>
    <col min="1797" max="1797" width="6.88671875" customWidth="1"/>
    <col min="1798" max="1798" width="34.44140625" customWidth="1"/>
    <col min="1799" max="1799" width="65.44140625" customWidth="1"/>
    <col min="1800" max="1800" width="7.6640625" customWidth="1"/>
    <col min="1801" max="1801" width="45.6640625" customWidth="1"/>
    <col min="1802" max="1802" width="63" customWidth="1"/>
    <col min="1803" max="1803" width="68.88671875" customWidth="1"/>
    <col min="1804" max="1804" width="59.33203125" customWidth="1"/>
    <col min="1805" max="1805" width="38.88671875" customWidth="1"/>
    <col min="1806" max="1806" width="77.88671875" customWidth="1"/>
    <col min="1807" max="1807" width="65.44140625" customWidth="1"/>
    <col min="2049" max="2049" width="29.109375" customWidth="1"/>
    <col min="2050" max="2050" width="69.88671875" customWidth="1"/>
    <col min="2051" max="2051" width="49" customWidth="1"/>
    <col min="2052" max="2052" width="12.44140625" customWidth="1"/>
    <col min="2053" max="2053" width="6.88671875" customWidth="1"/>
    <col min="2054" max="2054" width="34.44140625" customWidth="1"/>
    <col min="2055" max="2055" width="65.44140625" customWidth="1"/>
    <col min="2056" max="2056" width="7.6640625" customWidth="1"/>
    <col min="2057" max="2057" width="45.6640625" customWidth="1"/>
    <col min="2058" max="2058" width="63" customWidth="1"/>
    <col min="2059" max="2059" width="68.88671875" customWidth="1"/>
    <col min="2060" max="2060" width="59.33203125" customWidth="1"/>
    <col min="2061" max="2061" width="38.88671875" customWidth="1"/>
    <col min="2062" max="2062" width="77.88671875" customWidth="1"/>
    <col min="2063" max="2063" width="65.44140625" customWidth="1"/>
    <col min="2305" max="2305" width="29.109375" customWidth="1"/>
    <col min="2306" max="2306" width="69.88671875" customWidth="1"/>
    <col min="2307" max="2307" width="49" customWidth="1"/>
    <col min="2308" max="2308" width="12.44140625" customWidth="1"/>
    <col min="2309" max="2309" width="6.88671875" customWidth="1"/>
    <col min="2310" max="2310" width="34.44140625" customWidth="1"/>
    <col min="2311" max="2311" width="65.44140625" customWidth="1"/>
    <col min="2312" max="2312" width="7.6640625" customWidth="1"/>
    <col min="2313" max="2313" width="45.6640625" customWidth="1"/>
    <col min="2314" max="2314" width="63" customWidth="1"/>
    <col min="2315" max="2315" width="68.88671875" customWidth="1"/>
    <col min="2316" max="2316" width="59.33203125" customWidth="1"/>
    <col min="2317" max="2317" width="38.88671875" customWidth="1"/>
    <col min="2318" max="2318" width="77.88671875" customWidth="1"/>
    <col min="2319" max="2319" width="65.44140625" customWidth="1"/>
    <col min="2561" max="2561" width="29.109375" customWidth="1"/>
    <col min="2562" max="2562" width="69.88671875" customWidth="1"/>
    <col min="2563" max="2563" width="49" customWidth="1"/>
    <col min="2564" max="2564" width="12.44140625" customWidth="1"/>
    <col min="2565" max="2565" width="6.88671875" customWidth="1"/>
    <col min="2566" max="2566" width="34.44140625" customWidth="1"/>
    <col min="2567" max="2567" width="65.44140625" customWidth="1"/>
    <col min="2568" max="2568" width="7.6640625" customWidth="1"/>
    <col min="2569" max="2569" width="45.6640625" customWidth="1"/>
    <col min="2570" max="2570" width="63" customWidth="1"/>
    <col min="2571" max="2571" width="68.88671875" customWidth="1"/>
    <col min="2572" max="2572" width="59.33203125" customWidth="1"/>
    <col min="2573" max="2573" width="38.88671875" customWidth="1"/>
    <col min="2574" max="2574" width="77.88671875" customWidth="1"/>
    <col min="2575" max="2575" width="65.44140625" customWidth="1"/>
    <col min="2817" max="2817" width="29.109375" customWidth="1"/>
    <col min="2818" max="2818" width="69.88671875" customWidth="1"/>
    <col min="2819" max="2819" width="49" customWidth="1"/>
    <col min="2820" max="2820" width="12.44140625" customWidth="1"/>
    <col min="2821" max="2821" width="6.88671875" customWidth="1"/>
    <col min="2822" max="2822" width="34.44140625" customWidth="1"/>
    <col min="2823" max="2823" width="65.44140625" customWidth="1"/>
    <col min="2824" max="2824" width="7.6640625" customWidth="1"/>
    <col min="2825" max="2825" width="45.6640625" customWidth="1"/>
    <col min="2826" max="2826" width="63" customWidth="1"/>
    <col min="2827" max="2827" width="68.88671875" customWidth="1"/>
    <col min="2828" max="2828" width="59.33203125" customWidth="1"/>
    <col min="2829" max="2829" width="38.88671875" customWidth="1"/>
    <col min="2830" max="2830" width="77.88671875" customWidth="1"/>
    <col min="2831" max="2831" width="65.44140625" customWidth="1"/>
    <col min="3073" max="3073" width="29.109375" customWidth="1"/>
    <col min="3074" max="3074" width="69.88671875" customWidth="1"/>
    <col min="3075" max="3075" width="49" customWidth="1"/>
    <col min="3076" max="3076" width="12.44140625" customWidth="1"/>
    <col min="3077" max="3077" width="6.88671875" customWidth="1"/>
    <col min="3078" max="3078" width="34.44140625" customWidth="1"/>
    <col min="3079" max="3079" width="65.44140625" customWidth="1"/>
    <col min="3080" max="3080" width="7.6640625" customWidth="1"/>
    <col min="3081" max="3081" width="45.6640625" customWidth="1"/>
    <col min="3082" max="3082" width="63" customWidth="1"/>
    <col min="3083" max="3083" width="68.88671875" customWidth="1"/>
    <col min="3084" max="3084" width="59.33203125" customWidth="1"/>
    <col min="3085" max="3085" width="38.88671875" customWidth="1"/>
    <col min="3086" max="3086" width="77.88671875" customWidth="1"/>
    <col min="3087" max="3087" width="65.44140625" customWidth="1"/>
    <col min="3329" max="3329" width="29.109375" customWidth="1"/>
    <col min="3330" max="3330" width="69.88671875" customWidth="1"/>
    <col min="3331" max="3331" width="49" customWidth="1"/>
    <col min="3332" max="3332" width="12.44140625" customWidth="1"/>
    <col min="3333" max="3333" width="6.88671875" customWidth="1"/>
    <col min="3334" max="3334" width="34.44140625" customWidth="1"/>
    <col min="3335" max="3335" width="65.44140625" customWidth="1"/>
    <col min="3336" max="3336" width="7.6640625" customWidth="1"/>
    <col min="3337" max="3337" width="45.6640625" customWidth="1"/>
    <col min="3338" max="3338" width="63" customWidth="1"/>
    <col min="3339" max="3339" width="68.88671875" customWidth="1"/>
    <col min="3340" max="3340" width="59.33203125" customWidth="1"/>
    <col min="3341" max="3341" width="38.88671875" customWidth="1"/>
    <col min="3342" max="3342" width="77.88671875" customWidth="1"/>
    <col min="3343" max="3343" width="65.44140625" customWidth="1"/>
    <col min="3585" max="3585" width="29.109375" customWidth="1"/>
    <col min="3586" max="3586" width="69.88671875" customWidth="1"/>
    <col min="3587" max="3587" width="49" customWidth="1"/>
    <col min="3588" max="3588" width="12.44140625" customWidth="1"/>
    <col min="3589" max="3589" width="6.88671875" customWidth="1"/>
    <col min="3590" max="3590" width="34.44140625" customWidth="1"/>
    <col min="3591" max="3591" width="65.44140625" customWidth="1"/>
    <col min="3592" max="3592" width="7.6640625" customWidth="1"/>
    <col min="3593" max="3593" width="45.6640625" customWidth="1"/>
    <col min="3594" max="3594" width="63" customWidth="1"/>
    <col min="3595" max="3595" width="68.88671875" customWidth="1"/>
    <col min="3596" max="3596" width="59.33203125" customWidth="1"/>
    <col min="3597" max="3597" width="38.88671875" customWidth="1"/>
    <col min="3598" max="3598" width="77.88671875" customWidth="1"/>
    <col min="3599" max="3599" width="65.44140625" customWidth="1"/>
    <col min="3841" max="3841" width="29.109375" customWidth="1"/>
    <col min="3842" max="3842" width="69.88671875" customWidth="1"/>
    <col min="3843" max="3843" width="49" customWidth="1"/>
    <col min="3844" max="3844" width="12.44140625" customWidth="1"/>
    <col min="3845" max="3845" width="6.88671875" customWidth="1"/>
    <col min="3846" max="3846" width="34.44140625" customWidth="1"/>
    <col min="3847" max="3847" width="65.44140625" customWidth="1"/>
    <col min="3848" max="3848" width="7.6640625" customWidth="1"/>
    <col min="3849" max="3849" width="45.6640625" customWidth="1"/>
    <col min="3850" max="3850" width="63" customWidth="1"/>
    <col min="3851" max="3851" width="68.88671875" customWidth="1"/>
    <col min="3852" max="3852" width="59.33203125" customWidth="1"/>
    <col min="3853" max="3853" width="38.88671875" customWidth="1"/>
    <col min="3854" max="3854" width="77.88671875" customWidth="1"/>
    <col min="3855" max="3855" width="65.44140625" customWidth="1"/>
    <col min="4097" max="4097" width="29.109375" customWidth="1"/>
    <col min="4098" max="4098" width="69.88671875" customWidth="1"/>
    <col min="4099" max="4099" width="49" customWidth="1"/>
    <col min="4100" max="4100" width="12.44140625" customWidth="1"/>
    <col min="4101" max="4101" width="6.88671875" customWidth="1"/>
    <col min="4102" max="4102" width="34.44140625" customWidth="1"/>
    <col min="4103" max="4103" width="65.44140625" customWidth="1"/>
    <col min="4104" max="4104" width="7.6640625" customWidth="1"/>
    <col min="4105" max="4105" width="45.6640625" customWidth="1"/>
    <col min="4106" max="4106" width="63" customWidth="1"/>
    <col min="4107" max="4107" width="68.88671875" customWidth="1"/>
    <col min="4108" max="4108" width="59.33203125" customWidth="1"/>
    <col min="4109" max="4109" width="38.88671875" customWidth="1"/>
    <col min="4110" max="4110" width="77.88671875" customWidth="1"/>
    <col min="4111" max="4111" width="65.44140625" customWidth="1"/>
    <col min="4353" max="4353" width="29.109375" customWidth="1"/>
    <col min="4354" max="4354" width="69.88671875" customWidth="1"/>
    <col min="4355" max="4355" width="49" customWidth="1"/>
    <col min="4356" max="4356" width="12.44140625" customWidth="1"/>
    <col min="4357" max="4357" width="6.88671875" customWidth="1"/>
    <col min="4358" max="4358" width="34.44140625" customWidth="1"/>
    <col min="4359" max="4359" width="65.44140625" customWidth="1"/>
    <col min="4360" max="4360" width="7.6640625" customWidth="1"/>
    <col min="4361" max="4361" width="45.6640625" customWidth="1"/>
    <col min="4362" max="4362" width="63" customWidth="1"/>
    <col min="4363" max="4363" width="68.88671875" customWidth="1"/>
    <col min="4364" max="4364" width="59.33203125" customWidth="1"/>
    <col min="4365" max="4365" width="38.88671875" customWidth="1"/>
    <col min="4366" max="4366" width="77.88671875" customWidth="1"/>
    <col min="4367" max="4367" width="65.44140625" customWidth="1"/>
    <col min="4609" max="4609" width="29.109375" customWidth="1"/>
    <col min="4610" max="4610" width="69.88671875" customWidth="1"/>
    <col min="4611" max="4611" width="49" customWidth="1"/>
    <col min="4612" max="4612" width="12.44140625" customWidth="1"/>
    <col min="4613" max="4613" width="6.88671875" customWidth="1"/>
    <col min="4614" max="4614" width="34.44140625" customWidth="1"/>
    <col min="4615" max="4615" width="65.44140625" customWidth="1"/>
    <col min="4616" max="4616" width="7.6640625" customWidth="1"/>
    <col min="4617" max="4617" width="45.6640625" customWidth="1"/>
    <col min="4618" max="4618" width="63" customWidth="1"/>
    <col min="4619" max="4619" width="68.88671875" customWidth="1"/>
    <col min="4620" max="4620" width="59.33203125" customWidth="1"/>
    <col min="4621" max="4621" width="38.88671875" customWidth="1"/>
    <col min="4622" max="4622" width="77.88671875" customWidth="1"/>
    <col min="4623" max="4623" width="65.44140625" customWidth="1"/>
    <col min="4865" max="4865" width="29.109375" customWidth="1"/>
    <col min="4866" max="4866" width="69.88671875" customWidth="1"/>
    <col min="4867" max="4867" width="49" customWidth="1"/>
    <col min="4868" max="4868" width="12.44140625" customWidth="1"/>
    <col min="4869" max="4869" width="6.88671875" customWidth="1"/>
    <col min="4870" max="4870" width="34.44140625" customWidth="1"/>
    <col min="4871" max="4871" width="65.44140625" customWidth="1"/>
    <col min="4872" max="4872" width="7.6640625" customWidth="1"/>
    <col min="4873" max="4873" width="45.6640625" customWidth="1"/>
    <col min="4874" max="4874" width="63" customWidth="1"/>
    <col min="4875" max="4875" width="68.88671875" customWidth="1"/>
    <col min="4876" max="4876" width="59.33203125" customWidth="1"/>
    <col min="4877" max="4877" width="38.88671875" customWidth="1"/>
    <col min="4878" max="4878" width="77.88671875" customWidth="1"/>
    <col min="4879" max="4879" width="65.44140625" customWidth="1"/>
    <col min="5121" max="5121" width="29.109375" customWidth="1"/>
    <col min="5122" max="5122" width="69.88671875" customWidth="1"/>
    <col min="5123" max="5123" width="49" customWidth="1"/>
    <col min="5124" max="5124" width="12.44140625" customWidth="1"/>
    <col min="5125" max="5125" width="6.88671875" customWidth="1"/>
    <col min="5126" max="5126" width="34.44140625" customWidth="1"/>
    <col min="5127" max="5127" width="65.44140625" customWidth="1"/>
    <col min="5128" max="5128" width="7.6640625" customWidth="1"/>
    <col min="5129" max="5129" width="45.6640625" customWidth="1"/>
    <col min="5130" max="5130" width="63" customWidth="1"/>
    <col min="5131" max="5131" width="68.88671875" customWidth="1"/>
    <col min="5132" max="5132" width="59.33203125" customWidth="1"/>
    <col min="5133" max="5133" width="38.88671875" customWidth="1"/>
    <col min="5134" max="5134" width="77.88671875" customWidth="1"/>
    <col min="5135" max="5135" width="65.44140625" customWidth="1"/>
    <col min="5377" max="5377" width="29.109375" customWidth="1"/>
    <col min="5378" max="5378" width="69.88671875" customWidth="1"/>
    <col min="5379" max="5379" width="49" customWidth="1"/>
    <col min="5380" max="5380" width="12.44140625" customWidth="1"/>
    <col min="5381" max="5381" width="6.88671875" customWidth="1"/>
    <col min="5382" max="5382" width="34.44140625" customWidth="1"/>
    <col min="5383" max="5383" width="65.44140625" customWidth="1"/>
    <col min="5384" max="5384" width="7.6640625" customWidth="1"/>
    <col min="5385" max="5385" width="45.6640625" customWidth="1"/>
    <col min="5386" max="5386" width="63" customWidth="1"/>
    <col min="5387" max="5387" width="68.88671875" customWidth="1"/>
    <col min="5388" max="5388" width="59.33203125" customWidth="1"/>
    <col min="5389" max="5389" width="38.88671875" customWidth="1"/>
    <col min="5390" max="5390" width="77.88671875" customWidth="1"/>
    <col min="5391" max="5391" width="65.44140625" customWidth="1"/>
    <col min="5633" max="5633" width="29.109375" customWidth="1"/>
    <col min="5634" max="5634" width="69.88671875" customWidth="1"/>
    <col min="5635" max="5635" width="49" customWidth="1"/>
    <col min="5636" max="5636" width="12.44140625" customWidth="1"/>
    <col min="5637" max="5637" width="6.88671875" customWidth="1"/>
    <col min="5638" max="5638" width="34.44140625" customWidth="1"/>
    <col min="5639" max="5639" width="65.44140625" customWidth="1"/>
    <col min="5640" max="5640" width="7.6640625" customWidth="1"/>
    <col min="5641" max="5641" width="45.6640625" customWidth="1"/>
    <col min="5642" max="5642" width="63" customWidth="1"/>
    <col min="5643" max="5643" width="68.88671875" customWidth="1"/>
    <col min="5644" max="5644" width="59.33203125" customWidth="1"/>
    <col min="5645" max="5645" width="38.88671875" customWidth="1"/>
    <col min="5646" max="5646" width="77.88671875" customWidth="1"/>
    <col min="5647" max="5647" width="65.44140625" customWidth="1"/>
    <col min="5889" max="5889" width="29.109375" customWidth="1"/>
    <col min="5890" max="5890" width="69.88671875" customWidth="1"/>
    <col min="5891" max="5891" width="49" customWidth="1"/>
    <col min="5892" max="5892" width="12.44140625" customWidth="1"/>
    <col min="5893" max="5893" width="6.88671875" customWidth="1"/>
    <col min="5894" max="5894" width="34.44140625" customWidth="1"/>
    <col min="5895" max="5895" width="65.44140625" customWidth="1"/>
    <col min="5896" max="5896" width="7.6640625" customWidth="1"/>
    <col min="5897" max="5897" width="45.6640625" customWidth="1"/>
    <col min="5898" max="5898" width="63" customWidth="1"/>
    <col min="5899" max="5899" width="68.88671875" customWidth="1"/>
    <col min="5900" max="5900" width="59.33203125" customWidth="1"/>
    <col min="5901" max="5901" width="38.88671875" customWidth="1"/>
    <col min="5902" max="5902" width="77.88671875" customWidth="1"/>
    <col min="5903" max="5903" width="65.44140625" customWidth="1"/>
    <col min="6145" max="6145" width="29.109375" customWidth="1"/>
    <col min="6146" max="6146" width="69.88671875" customWidth="1"/>
    <col min="6147" max="6147" width="49" customWidth="1"/>
    <col min="6148" max="6148" width="12.44140625" customWidth="1"/>
    <col min="6149" max="6149" width="6.88671875" customWidth="1"/>
    <col min="6150" max="6150" width="34.44140625" customWidth="1"/>
    <col min="6151" max="6151" width="65.44140625" customWidth="1"/>
    <col min="6152" max="6152" width="7.6640625" customWidth="1"/>
    <col min="6153" max="6153" width="45.6640625" customWidth="1"/>
    <col min="6154" max="6154" width="63" customWidth="1"/>
    <col min="6155" max="6155" width="68.88671875" customWidth="1"/>
    <col min="6156" max="6156" width="59.33203125" customWidth="1"/>
    <col min="6157" max="6157" width="38.88671875" customWidth="1"/>
    <col min="6158" max="6158" width="77.88671875" customWidth="1"/>
    <col min="6159" max="6159" width="65.44140625" customWidth="1"/>
    <col min="6401" max="6401" width="29.109375" customWidth="1"/>
    <col min="6402" max="6402" width="69.88671875" customWidth="1"/>
    <col min="6403" max="6403" width="49" customWidth="1"/>
    <col min="6404" max="6404" width="12.44140625" customWidth="1"/>
    <col min="6405" max="6405" width="6.88671875" customWidth="1"/>
    <col min="6406" max="6406" width="34.44140625" customWidth="1"/>
    <col min="6407" max="6407" width="65.44140625" customWidth="1"/>
    <col min="6408" max="6408" width="7.6640625" customWidth="1"/>
    <col min="6409" max="6409" width="45.6640625" customWidth="1"/>
    <col min="6410" max="6410" width="63" customWidth="1"/>
    <col min="6411" max="6411" width="68.88671875" customWidth="1"/>
    <col min="6412" max="6412" width="59.33203125" customWidth="1"/>
    <col min="6413" max="6413" width="38.88671875" customWidth="1"/>
    <col min="6414" max="6414" width="77.88671875" customWidth="1"/>
    <col min="6415" max="6415" width="65.44140625" customWidth="1"/>
    <col min="6657" max="6657" width="29.109375" customWidth="1"/>
    <col min="6658" max="6658" width="69.88671875" customWidth="1"/>
    <col min="6659" max="6659" width="49" customWidth="1"/>
    <col min="6660" max="6660" width="12.44140625" customWidth="1"/>
    <col min="6661" max="6661" width="6.88671875" customWidth="1"/>
    <col min="6662" max="6662" width="34.44140625" customWidth="1"/>
    <col min="6663" max="6663" width="65.44140625" customWidth="1"/>
    <col min="6664" max="6664" width="7.6640625" customWidth="1"/>
    <col min="6665" max="6665" width="45.6640625" customWidth="1"/>
    <col min="6666" max="6666" width="63" customWidth="1"/>
    <col min="6667" max="6667" width="68.88671875" customWidth="1"/>
    <col min="6668" max="6668" width="59.33203125" customWidth="1"/>
    <col min="6669" max="6669" width="38.88671875" customWidth="1"/>
    <col min="6670" max="6670" width="77.88671875" customWidth="1"/>
    <col min="6671" max="6671" width="65.44140625" customWidth="1"/>
    <col min="6913" max="6913" width="29.109375" customWidth="1"/>
    <col min="6914" max="6914" width="69.88671875" customWidth="1"/>
    <col min="6915" max="6915" width="49" customWidth="1"/>
    <col min="6916" max="6916" width="12.44140625" customWidth="1"/>
    <col min="6917" max="6917" width="6.88671875" customWidth="1"/>
    <col min="6918" max="6918" width="34.44140625" customWidth="1"/>
    <col min="6919" max="6919" width="65.44140625" customWidth="1"/>
    <col min="6920" max="6920" width="7.6640625" customWidth="1"/>
    <col min="6921" max="6921" width="45.6640625" customWidth="1"/>
    <col min="6922" max="6922" width="63" customWidth="1"/>
    <col min="6923" max="6923" width="68.88671875" customWidth="1"/>
    <col min="6924" max="6924" width="59.33203125" customWidth="1"/>
    <col min="6925" max="6925" width="38.88671875" customWidth="1"/>
    <col min="6926" max="6926" width="77.88671875" customWidth="1"/>
    <col min="6927" max="6927" width="65.44140625" customWidth="1"/>
    <col min="7169" max="7169" width="29.109375" customWidth="1"/>
    <col min="7170" max="7170" width="69.88671875" customWidth="1"/>
    <col min="7171" max="7171" width="49" customWidth="1"/>
    <col min="7172" max="7172" width="12.44140625" customWidth="1"/>
    <col min="7173" max="7173" width="6.88671875" customWidth="1"/>
    <col min="7174" max="7174" width="34.44140625" customWidth="1"/>
    <col min="7175" max="7175" width="65.44140625" customWidth="1"/>
    <col min="7176" max="7176" width="7.6640625" customWidth="1"/>
    <col min="7177" max="7177" width="45.6640625" customWidth="1"/>
    <col min="7178" max="7178" width="63" customWidth="1"/>
    <col min="7179" max="7179" width="68.88671875" customWidth="1"/>
    <col min="7180" max="7180" width="59.33203125" customWidth="1"/>
    <col min="7181" max="7181" width="38.88671875" customWidth="1"/>
    <col min="7182" max="7182" width="77.88671875" customWidth="1"/>
    <col min="7183" max="7183" width="65.44140625" customWidth="1"/>
    <col min="7425" max="7425" width="29.109375" customWidth="1"/>
    <col min="7426" max="7426" width="69.88671875" customWidth="1"/>
    <col min="7427" max="7427" width="49" customWidth="1"/>
    <col min="7428" max="7428" width="12.44140625" customWidth="1"/>
    <col min="7429" max="7429" width="6.88671875" customWidth="1"/>
    <col min="7430" max="7430" width="34.44140625" customWidth="1"/>
    <col min="7431" max="7431" width="65.44140625" customWidth="1"/>
    <col min="7432" max="7432" width="7.6640625" customWidth="1"/>
    <col min="7433" max="7433" width="45.6640625" customWidth="1"/>
    <col min="7434" max="7434" width="63" customWidth="1"/>
    <col min="7435" max="7435" width="68.88671875" customWidth="1"/>
    <col min="7436" max="7436" width="59.33203125" customWidth="1"/>
    <col min="7437" max="7437" width="38.88671875" customWidth="1"/>
    <col min="7438" max="7438" width="77.88671875" customWidth="1"/>
    <col min="7439" max="7439" width="65.44140625" customWidth="1"/>
    <col min="7681" max="7681" width="29.109375" customWidth="1"/>
    <col min="7682" max="7682" width="69.88671875" customWidth="1"/>
    <col min="7683" max="7683" width="49" customWidth="1"/>
    <col min="7684" max="7684" width="12.44140625" customWidth="1"/>
    <col min="7685" max="7685" width="6.88671875" customWidth="1"/>
    <col min="7686" max="7686" width="34.44140625" customWidth="1"/>
    <col min="7687" max="7687" width="65.44140625" customWidth="1"/>
    <col min="7688" max="7688" width="7.6640625" customWidth="1"/>
    <col min="7689" max="7689" width="45.6640625" customWidth="1"/>
    <col min="7690" max="7690" width="63" customWidth="1"/>
    <col min="7691" max="7691" width="68.88671875" customWidth="1"/>
    <col min="7692" max="7692" width="59.33203125" customWidth="1"/>
    <col min="7693" max="7693" width="38.88671875" customWidth="1"/>
    <col min="7694" max="7694" width="77.88671875" customWidth="1"/>
    <col min="7695" max="7695" width="65.44140625" customWidth="1"/>
    <col min="7937" max="7937" width="29.109375" customWidth="1"/>
    <col min="7938" max="7938" width="69.88671875" customWidth="1"/>
    <col min="7939" max="7939" width="49" customWidth="1"/>
    <col min="7940" max="7940" width="12.44140625" customWidth="1"/>
    <col min="7941" max="7941" width="6.88671875" customWidth="1"/>
    <col min="7942" max="7942" width="34.44140625" customWidth="1"/>
    <col min="7943" max="7943" width="65.44140625" customWidth="1"/>
    <col min="7944" max="7944" width="7.6640625" customWidth="1"/>
    <col min="7945" max="7945" width="45.6640625" customWidth="1"/>
    <col min="7946" max="7946" width="63" customWidth="1"/>
    <col min="7947" max="7947" width="68.88671875" customWidth="1"/>
    <col min="7948" max="7948" width="59.33203125" customWidth="1"/>
    <col min="7949" max="7949" width="38.88671875" customWidth="1"/>
    <col min="7950" max="7950" width="77.88671875" customWidth="1"/>
    <col min="7951" max="7951" width="65.44140625" customWidth="1"/>
    <col min="8193" max="8193" width="29.109375" customWidth="1"/>
    <col min="8194" max="8194" width="69.88671875" customWidth="1"/>
    <col min="8195" max="8195" width="49" customWidth="1"/>
    <col min="8196" max="8196" width="12.44140625" customWidth="1"/>
    <col min="8197" max="8197" width="6.88671875" customWidth="1"/>
    <col min="8198" max="8198" width="34.44140625" customWidth="1"/>
    <col min="8199" max="8199" width="65.44140625" customWidth="1"/>
    <col min="8200" max="8200" width="7.6640625" customWidth="1"/>
    <col min="8201" max="8201" width="45.6640625" customWidth="1"/>
    <col min="8202" max="8202" width="63" customWidth="1"/>
    <col min="8203" max="8203" width="68.88671875" customWidth="1"/>
    <col min="8204" max="8204" width="59.33203125" customWidth="1"/>
    <col min="8205" max="8205" width="38.88671875" customWidth="1"/>
    <col min="8206" max="8206" width="77.88671875" customWidth="1"/>
    <col min="8207" max="8207" width="65.44140625" customWidth="1"/>
    <col min="8449" max="8449" width="29.109375" customWidth="1"/>
    <col min="8450" max="8450" width="69.88671875" customWidth="1"/>
    <col min="8451" max="8451" width="49" customWidth="1"/>
    <col min="8452" max="8452" width="12.44140625" customWidth="1"/>
    <col min="8453" max="8453" width="6.88671875" customWidth="1"/>
    <col min="8454" max="8454" width="34.44140625" customWidth="1"/>
    <col min="8455" max="8455" width="65.44140625" customWidth="1"/>
    <col min="8456" max="8456" width="7.6640625" customWidth="1"/>
    <col min="8457" max="8457" width="45.6640625" customWidth="1"/>
    <col min="8458" max="8458" width="63" customWidth="1"/>
    <col min="8459" max="8459" width="68.88671875" customWidth="1"/>
    <col min="8460" max="8460" width="59.33203125" customWidth="1"/>
    <col min="8461" max="8461" width="38.88671875" customWidth="1"/>
    <col min="8462" max="8462" width="77.88671875" customWidth="1"/>
    <col min="8463" max="8463" width="65.44140625" customWidth="1"/>
    <col min="8705" max="8705" width="29.109375" customWidth="1"/>
    <col min="8706" max="8706" width="69.88671875" customWidth="1"/>
    <col min="8707" max="8707" width="49" customWidth="1"/>
    <col min="8708" max="8708" width="12.44140625" customWidth="1"/>
    <col min="8709" max="8709" width="6.88671875" customWidth="1"/>
    <col min="8710" max="8710" width="34.44140625" customWidth="1"/>
    <col min="8711" max="8711" width="65.44140625" customWidth="1"/>
    <col min="8712" max="8712" width="7.6640625" customWidth="1"/>
    <col min="8713" max="8713" width="45.6640625" customWidth="1"/>
    <col min="8714" max="8714" width="63" customWidth="1"/>
    <col min="8715" max="8715" width="68.88671875" customWidth="1"/>
    <col min="8716" max="8716" width="59.33203125" customWidth="1"/>
    <col min="8717" max="8717" width="38.88671875" customWidth="1"/>
    <col min="8718" max="8718" width="77.88671875" customWidth="1"/>
    <col min="8719" max="8719" width="65.44140625" customWidth="1"/>
    <col min="8961" max="8961" width="29.109375" customWidth="1"/>
    <col min="8962" max="8962" width="69.88671875" customWidth="1"/>
    <col min="8963" max="8963" width="49" customWidth="1"/>
    <col min="8964" max="8964" width="12.44140625" customWidth="1"/>
    <col min="8965" max="8965" width="6.88671875" customWidth="1"/>
    <col min="8966" max="8966" width="34.44140625" customWidth="1"/>
    <col min="8967" max="8967" width="65.44140625" customWidth="1"/>
    <col min="8968" max="8968" width="7.6640625" customWidth="1"/>
    <col min="8969" max="8969" width="45.6640625" customWidth="1"/>
    <col min="8970" max="8970" width="63" customWidth="1"/>
    <col min="8971" max="8971" width="68.88671875" customWidth="1"/>
    <col min="8972" max="8972" width="59.33203125" customWidth="1"/>
    <col min="8973" max="8973" width="38.88671875" customWidth="1"/>
    <col min="8974" max="8974" width="77.88671875" customWidth="1"/>
    <col min="8975" max="8975" width="65.44140625" customWidth="1"/>
    <col min="9217" max="9217" width="29.109375" customWidth="1"/>
    <col min="9218" max="9218" width="69.88671875" customWidth="1"/>
    <col min="9219" max="9219" width="49" customWidth="1"/>
    <col min="9220" max="9220" width="12.44140625" customWidth="1"/>
    <col min="9221" max="9221" width="6.88671875" customWidth="1"/>
    <col min="9222" max="9222" width="34.44140625" customWidth="1"/>
    <col min="9223" max="9223" width="65.44140625" customWidth="1"/>
    <col min="9224" max="9224" width="7.6640625" customWidth="1"/>
    <col min="9225" max="9225" width="45.6640625" customWidth="1"/>
    <col min="9226" max="9226" width="63" customWidth="1"/>
    <col min="9227" max="9227" width="68.88671875" customWidth="1"/>
    <col min="9228" max="9228" width="59.33203125" customWidth="1"/>
    <col min="9229" max="9229" width="38.88671875" customWidth="1"/>
    <col min="9230" max="9230" width="77.88671875" customWidth="1"/>
    <col min="9231" max="9231" width="65.44140625" customWidth="1"/>
    <col min="9473" max="9473" width="29.109375" customWidth="1"/>
    <col min="9474" max="9474" width="69.88671875" customWidth="1"/>
    <col min="9475" max="9475" width="49" customWidth="1"/>
    <col min="9476" max="9476" width="12.44140625" customWidth="1"/>
    <col min="9477" max="9477" width="6.88671875" customWidth="1"/>
    <col min="9478" max="9478" width="34.44140625" customWidth="1"/>
    <col min="9479" max="9479" width="65.44140625" customWidth="1"/>
    <col min="9480" max="9480" width="7.6640625" customWidth="1"/>
    <col min="9481" max="9481" width="45.6640625" customWidth="1"/>
    <col min="9482" max="9482" width="63" customWidth="1"/>
    <col min="9483" max="9483" width="68.88671875" customWidth="1"/>
    <col min="9484" max="9484" width="59.33203125" customWidth="1"/>
    <col min="9485" max="9485" width="38.88671875" customWidth="1"/>
    <col min="9486" max="9486" width="77.88671875" customWidth="1"/>
    <col min="9487" max="9487" width="65.44140625" customWidth="1"/>
    <col min="9729" max="9729" width="29.109375" customWidth="1"/>
    <col min="9730" max="9730" width="69.88671875" customWidth="1"/>
    <col min="9731" max="9731" width="49" customWidth="1"/>
    <col min="9732" max="9732" width="12.44140625" customWidth="1"/>
    <col min="9733" max="9733" width="6.88671875" customWidth="1"/>
    <col min="9734" max="9734" width="34.44140625" customWidth="1"/>
    <col min="9735" max="9735" width="65.44140625" customWidth="1"/>
    <col min="9736" max="9736" width="7.6640625" customWidth="1"/>
    <col min="9737" max="9737" width="45.6640625" customWidth="1"/>
    <col min="9738" max="9738" width="63" customWidth="1"/>
    <col min="9739" max="9739" width="68.88671875" customWidth="1"/>
    <col min="9740" max="9740" width="59.33203125" customWidth="1"/>
    <col min="9741" max="9741" width="38.88671875" customWidth="1"/>
    <col min="9742" max="9742" width="77.88671875" customWidth="1"/>
    <col min="9743" max="9743" width="65.44140625" customWidth="1"/>
    <col min="9985" max="9985" width="29.109375" customWidth="1"/>
    <col min="9986" max="9986" width="69.88671875" customWidth="1"/>
    <col min="9987" max="9987" width="49" customWidth="1"/>
    <col min="9988" max="9988" width="12.44140625" customWidth="1"/>
    <col min="9989" max="9989" width="6.88671875" customWidth="1"/>
    <col min="9990" max="9990" width="34.44140625" customWidth="1"/>
    <col min="9991" max="9991" width="65.44140625" customWidth="1"/>
    <col min="9992" max="9992" width="7.6640625" customWidth="1"/>
    <col min="9993" max="9993" width="45.6640625" customWidth="1"/>
    <col min="9994" max="9994" width="63" customWidth="1"/>
    <col min="9995" max="9995" width="68.88671875" customWidth="1"/>
    <col min="9996" max="9996" width="59.33203125" customWidth="1"/>
    <col min="9997" max="9997" width="38.88671875" customWidth="1"/>
    <col min="9998" max="9998" width="77.88671875" customWidth="1"/>
    <col min="9999" max="9999" width="65.44140625" customWidth="1"/>
    <col min="10241" max="10241" width="29.109375" customWidth="1"/>
    <col min="10242" max="10242" width="69.88671875" customWidth="1"/>
    <col min="10243" max="10243" width="49" customWidth="1"/>
    <col min="10244" max="10244" width="12.44140625" customWidth="1"/>
    <col min="10245" max="10245" width="6.88671875" customWidth="1"/>
    <col min="10246" max="10246" width="34.44140625" customWidth="1"/>
    <col min="10247" max="10247" width="65.44140625" customWidth="1"/>
    <col min="10248" max="10248" width="7.6640625" customWidth="1"/>
    <col min="10249" max="10249" width="45.6640625" customWidth="1"/>
    <col min="10250" max="10250" width="63" customWidth="1"/>
    <col min="10251" max="10251" width="68.88671875" customWidth="1"/>
    <col min="10252" max="10252" width="59.33203125" customWidth="1"/>
    <col min="10253" max="10253" width="38.88671875" customWidth="1"/>
    <col min="10254" max="10254" width="77.88671875" customWidth="1"/>
    <col min="10255" max="10255" width="65.44140625" customWidth="1"/>
    <col min="10497" max="10497" width="29.109375" customWidth="1"/>
    <col min="10498" max="10498" width="69.88671875" customWidth="1"/>
    <col min="10499" max="10499" width="49" customWidth="1"/>
    <col min="10500" max="10500" width="12.44140625" customWidth="1"/>
    <col min="10501" max="10501" width="6.88671875" customWidth="1"/>
    <col min="10502" max="10502" width="34.44140625" customWidth="1"/>
    <col min="10503" max="10503" width="65.44140625" customWidth="1"/>
    <col min="10504" max="10504" width="7.6640625" customWidth="1"/>
    <col min="10505" max="10505" width="45.6640625" customWidth="1"/>
    <col min="10506" max="10506" width="63" customWidth="1"/>
    <col min="10507" max="10507" width="68.88671875" customWidth="1"/>
    <col min="10508" max="10508" width="59.33203125" customWidth="1"/>
    <col min="10509" max="10509" width="38.88671875" customWidth="1"/>
    <col min="10510" max="10510" width="77.88671875" customWidth="1"/>
    <col min="10511" max="10511" width="65.44140625" customWidth="1"/>
    <col min="10753" max="10753" width="29.109375" customWidth="1"/>
    <col min="10754" max="10754" width="69.88671875" customWidth="1"/>
    <col min="10755" max="10755" width="49" customWidth="1"/>
    <col min="10756" max="10756" width="12.44140625" customWidth="1"/>
    <col min="10757" max="10757" width="6.88671875" customWidth="1"/>
    <col min="10758" max="10758" width="34.44140625" customWidth="1"/>
    <col min="10759" max="10759" width="65.44140625" customWidth="1"/>
    <col min="10760" max="10760" width="7.6640625" customWidth="1"/>
    <col min="10761" max="10761" width="45.6640625" customWidth="1"/>
    <col min="10762" max="10762" width="63" customWidth="1"/>
    <col min="10763" max="10763" width="68.88671875" customWidth="1"/>
    <col min="10764" max="10764" width="59.33203125" customWidth="1"/>
    <col min="10765" max="10765" width="38.88671875" customWidth="1"/>
    <col min="10766" max="10766" width="77.88671875" customWidth="1"/>
    <col min="10767" max="10767" width="65.44140625" customWidth="1"/>
    <col min="11009" max="11009" width="29.109375" customWidth="1"/>
    <col min="11010" max="11010" width="69.88671875" customWidth="1"/>
    <col min="11011" max="11011" width="49" customWidth="1"/>
    <col min="11012" max="11012" width="12.44140625" customWidth="1"/>
    <col min="11013" max="11013" width="6.88671875" customWidth="1"/>
    <col min="11014" max="11014" width="34.44140625" customWidth="1"/>
    <col min="11015" max="11015" width="65.44140625" customWidth="1"/>
    <col min="11016" max="11016" width="7.6640625" customWidth="1"/>
    <col min="11017" max="11017" width="45.6640625" customWidth="1"/>
    <col min="11018" max="11018" width="63" customWidth="1"/>
    <col min="11019" max="11019" width="68.88671875" customWidth="1"/>
    <col min="11020" max="11020" width="59.33203125" customWidth="1"/>
    <col min="11021" max="11021" width="38.88671875" customWidth="1"/>
    <col min="11022" max="11022" width="77.88671875" customWidth="1"/>
    <col min="11023" max="11023" width="65.44140625" customWidth="1"/>
    <col min="11265" max="11265" width="29.109375" customWidth="1"/>
    <col min="11266" max="11266" width="69.88671875" customWidth="1"/>
    <col min="11267" max="11267" width="49" customWidth="1"/>
    <col min="11268" max="11268" width="12.44140625" customWidth="1"/>
    <col min="11269" max="11269" width="6.88671875" customWidth="1"/>
    <col min="11270" max="11270" width="34.44140625" customWidth="1"/>
    <col min="11271" max="11271" width="65.44140625" customWidth="1"/>
    <col min="11272" max="11272" width="7.6640625" customWidth="1"/>
    <col min="11273" max="11273" width="45.6640625" customWidth="1"/>
    <col min="11274" max="11274" width="63" customWidth="1"/>
    <col min="11275" max="11275" width="68.88671875" customWidth="1"/>
    <col min="11276" max="11276" width="59.33203125" customWidth="1"/>
    <col min="11277" max="11277" width="38.88671875" customWidth="1"/>
    <col min="11278" max="11278" width="77.88671875" customWidth="1"/>
    <col min="11279" max="11279" width="65.44140625" customWidth="1"/>
    <col min="11521" max="11521" width="29.109375" customWidth="1"/>
    <col min="11522" max="11522" width="69.88671875" customWidth="1"/>
    <col min="11523" max="11523" width="49" customWidth="1"/>
    <col min="11524" max="11524" width="12.44140625" customWidth="1"/>
    <col min="11525" max="11525" width="6.88671875" customWidth="1"/>
    <col min="11526" max="11526" width="34.44140625" customWidth="1"/>
    <col min="11527" max="11527" width="65.44140625" customWidth="1"/>
    <col min="11528" max="11528" width="7.6640625" customWidth="1"/>
    <col min="11529" max="11529" width="45.6640625" customWidth="1"/>
    <col min="11530" max="11530" width="63" customWidth="1"/>
    <col min="11531" max="11531" width="68.88671875" customWidth="1"/>
    <col min="11532" max="11532" width="59.33203125" customWidth="1"/>
    <col min="11533" max="11533" width="38.88671875" customWidth="1"/>
    <col min="11534" max="11534" width="77.88671875" customWidth="1"/>
    <col min="11535" max="11535" width="65.44140625" customWidth="1"/>
    <col min="11777" max="11777" width="29.109375" customWidth="1"/>
    <col min="11778" max="11778" width="69.88671875" customWidth="1"/>
    <col min="11779" max="11779" width="49" customWidth="1"/>
    <col min="11780" max="11780" width="12.44140625" customWidth="1"/>
    <col min="11781" max="11781" width="6.88671875" customWidth="1"/>
    <col min="11782" max="11782" width="34.44140625" customWidth="1"/>
    <col min="11783" max="11783" width="65.44140625" customWidth="1"/>
    <col min="11784" max="11784" width="7.6640625" customWidth="1"/>
    <col min="11785" max="11785" width="45.6640625" customWidth="1"/>
    <col min="11786" max="11786" width="63" customWidth="1"/>
    <col min="11787" max="11787" width="68.88671875" customWidth="1"/>
    <col min="11788" max="11788" width="59.33203125" customWidth="1"/>
    <col min="11789" max="11789" width="38.88671875" customWidth="1"/>
    <col min="11790" max="11790" width="77.88671875" customWidth="1"/>
    <col min="11791" max="11791" width="65.44140625" customWidth="1"/>
    <col min="12033" max="12033" width="29.109375" customWidth="1"/>
    <col min="12034" max="12034" width="69.88671875" customWidth="1"/>
    <col min="12035" max="12035" width="49" customWidth="1"/>
    <col min="12036" max="12036" width="12.44140625" customWidth="1"/>
    <col min="12037" max="12037" width="6.88671875" customWidth="1"/>
    <col min="12038" max="12038" width="34.44140625" customWidth="1"/>
    <col min="12039" max="12039" width="65.44140625" customWidth="1"/>
    <col min="12040" max="12040" width="7.6640625" customWidth="1"/>
    <col min="12041" max="12041" width="45.6640625" customWidth="1"/>
    <col min="12042" max="12042" width="63" customWidth="1"/>
    <col min="12043" max="12043" width="68.88671875" customWidth="1"/>
    <col min="12044" max="12044" width="59.33203125" customWidth="1"/>
    <col min="12045" max="12045" width="38.88671875" customWidth="1"/>
    <col min="12046" max="12046" width="77.88671875" customWidth="1"/>
    <col min="12047" max="12047" width="65.44140625" customWidth="1"/>
    <col min="12289" max="12289" width="29.109375" customWidth="1"/>
    <col min="12290" max="12290" width="69.88671875" customWidth="1"/>
    <col min="12291" max="12291" width="49" customWidth="1"/>
    <col min="12292" max="12292" width="12.44140625" customWidth="1"/>
    <col min="12293" max="12293" width="6.88671875" customWidth="1"/>
    <col min="12294" max="12294" width="34.44140625" customWidth="1"/>
    <col min="12295" max="12295" width="65.44140625" customWidth="1"/>
    <col min="12296" max="12296" width="7.6640625" customWidth="1"/>
    <col min="12297" max="12297" width="45.6640625" customWidth="1"/>
    <col min="12298" max="12298" width="63" customWidth="1"/>
    <col min="12299" max="12299" width="68.88671875" customWidth="1"/>
    <col min="12300" max="12300" width="59.33203125" customWidth="1"/>
    <col min="12301" max="12301" width="38.88671875" customWidth="1"/>
    <col min="12302" max="12302" width="77.88671875" customWidth="1"/>
    <col min="12303" max="12303" width="65.44140625" customWidth="1"/>
    <col min="12545" max="12545" width="29.109375" customWidth="1"/>
    <col min="12546" max="12546" width="69.88671875" customWidth="1"/>
    <col min="12547" max="12547" width="49" customWidth="1"/>
    <col min="12548" max="12548" width="12.44140625" customWidth="1"/>
    <col min="12549" max="12549" width="6.88671875" customWidth="1"/>
    <col min="12550" max="12550" width="34.44140625" customWidth="1"/>
    <col min="12551" max="12551" width="65.44140625" customWidth="1"/>
    <col min="12552" max="12552" width="7.6640625" customWidth="1"/>
    <col min="12553" max="12553" width="45.6640625" customWidth="1"/>
    <col min="12554" max="12554" width="63" customWidth="1"/>
    <col min="12555" max="12555" width="68.88671875" customWidth="1"/>
    <col min="12556" max="12556" width="59.33203125" customWidth="1"/>
    <col min="12557" max="12557" width="38.88671875" customWidth="1"/>
    <col min="12558" max="12558" width="77.88671875" customWidth="1"/>
    <col min="12559" max="12559" width="65.44140625" customWidth="1"/>
    <col min="12801" max="12801" width="29.109375" customWidth="1"/>
    <col min="12802" max="12802" width="69.88671875" customWidth="1"/>
    <col min="12803" max="12803" width="49" customWidth="1"/>
    <col min="12804" max="12804" width="12.44140625" customWidth="1"/>
    <col min="12805" max="12805" width="6.88671875" customWidth="1"/>
    <col min="12806" max="12806" width="34.44140625" customWidth="1"/>
    <col min="12807" max="12807" width="65.44140625" customWidth="1"/>
    <col min="12808" max="12808" width="7.6640625" customWidth="1"/>
    <col min="12809" max="12809" width="45.6640625" customWidth="1"/>
    <col min="12810" max="12810" width="63" customWidth="1"/>
    <col min="12811" max="12811" width="68.88671875" customWidth="1"/>
    <col min="12812" max="12812" width="59.33203125" customWidth="1"/>
    <col min="12813" max="12813" width="38.88671875" customWidth="1"/>
    <col min="12814" max="12814" width="77.88671875" customWidth="1"/>
    <col min="12815" max="12815" width="65.44140625" customWidth="1"/>
    <col min="13057" max="13057" width="29.109375" customWidth="1"/>
    <col min="13058" max="13058" width="69.88671875" customWidth="1"/>
    <col min="13059" max="13059" width="49" customWidth="1"/>
    <col min="13060" max="13060" width="12.44140625" customWidth="1"/>
    <col min="13061" max="13061" width="6.88671875" customWidth="1"/>
    <col min="13062" max="13062" width="34.44140625" customWidth="1"/>
    <col min="13063" max="13063" width="65.44140625" customWidth="1"/>
    <col min="13064" max="13064" width="7.6640625" customWidth="1"/>
    <col min="13065" max="13065" width="45.6640625" customWidth="1"/>
    <col min="13066" max="13066" width="63" customWidth="1"/>
    <col min="13067" max="13067" width="68.88671875" customWidth="1"/>
    <col min="13068" max="13068" width="59.33203125" customWidth="1"/>
    <col min="13069" max="13069" width="38.88671875" customWidth="1"/>
    <col min="13070" max="13070" width="77.88671875" customWidth="1"/>
    <col min="13071" max="13071" width="65.44140625" customWidth="1"/>
    <col min="13313" max="13313" width="29.109375" customWidth="1"/>
    <col min="13314" max="13314" width="69.88671875" customWidth="1"/>
    <col min="13315" max="13315" width="49" customWidth="1"/>
    <col min="13316" max="13316" width="12.44140625" customWidth="1"/>
    <col min="13317" max="13317" width="6.88671875" customWidth="1"/>
    <col min="13318" max="13318" width="34.44140625" customWidth="1"/>
    <col min="13319" max="13319" width="65.44140625" customWidth="1"/>
    <col min="13320" max="13320" width="7.6640625" customWidth="1"/>
    <col min="13321" max="13321" width="45.6640625" customWidth="1"/>
    <col min="13322" max="13322" width="63" customWidth="1"/>
    <col min="13323" max="13323" width="68.88671875" customWidth="1"/>
    <col min="13324" max="13324" width="59.33203125" customWidth="1"/>
    <col min="13325" max="13325" width="38.88671875" customWidth="1"/>
    <col min="13326" max="13326" width="77.88671875" customWidth="1"/>
    <col min="13327" max="13327" width="65.44140625" customWidth="1"/>
    <col min="13569" max="13569" width="29.109375" customWidth="1"/>
    <col min="13570" max="13570" width="69.88671875" customWidth="1"/>
    <col min="13571" max="13571" width="49" customWidth="1"/>
    <col min="13572" max="13572" width="12.44140625" customWidth="1"/>
    <col min="13573" max="13573" width="6.88671875" customWidth="1"/>
    <col min="13574" max="13574" width="34.44140625" customWidth="1"/>
    <col min="13575" max="13575" width="65.44140625" customWidth="1"/>
    <col min="13576" max="13576" width="7.6640625" customWidth="1"/>
    <col min="13577" max="13577" width="45.6640625" customWidth="1"/>
    <col min="13578" max="13578" width="63" customWidth="1"/>
    <col min="13579" max="13579" width="68.88671875" customWidth="1"/>
    <col min="13580" max="13580" width="59.33203125" customWidth="1"/>
    <col min="13581" max="13581" width="38.88671875" customWidth="1"/>
    <col min="13582" max="13582" width="77.88671875" customWidth="1"/>
    <col min="13583" max="13583" width="65.44140625" customWidth="1"/>
    <col min="13825" max="13825" width="29.109375" customWidth="1"/>
    <col min="13826" max="13826" width="69.88671875" customWidth="1"/>
    <col min="13827" max="13827" width="49" customWidth="1"/>
    <col min="13828" max="13828" width="12.44140625" customWidth="1"/>
    <col min="13829" max="13829" width="6.88671875" customWidth="1"/>
    <col min="13830" max="13830" width="34.44140625" customWidth="1"/>
    <col min="13831" max="13831" width="65.44140625" customWidth="1"/>
    <col min="13832" max="13832" width="7.6640625" customWidth="1"/>
    <col min="13833" max="13833" width="45.6640625" customWidth="1"/>
    <col min="13834" max="13834" width="63" customWidth="1"/>
    <col min="13835" max="13835" width="68.88671875" customWidth="1"/>
    <col min="13836" max="13836" width="59.33203125" customWidth="1"/>
    <col min="13837" max="13837" width="38.88671875" customWidth="1"/>
    <col min="13838" max="13838" width="77.88671875" customWidth="1"/>
    <col min="13839" max="13839" width="65.44140625" customWidth="1"/>
    <col min="14081" max="14081" width="29.109375" customWidth="1"/>
    <col min="14082" max="14082" width="69.88671875" customWidth="1"/>
    <col min="14083" max="14083" width="49" customWidth="1"/>
    <col min="14084" max="14084" width="12.44140625" customWidth="1"/>
    <col min="14085" max="14085" width="6.88671875" customWidth="1"/>
    <col min="14086" max="14086" width="34.44140625" customWidth="1"/>
    <col min="14087" max="14087" width="65.44140625" customWidth="1"/>
    <col min="14088" max="14088" width="7.6640625" customWidth="1"/>
    <col min="14089" max="14089" width="45.6640625" customWidth="1"/>
    <col min="14090" max="14090" width="63" customWidth="1"/>
    <col min="14091" max="14091" width="68.88671875" customWidth="1"/>
    <col min="14092" max="14092" width="59.33203125" customWidth="1"/>
    <col min="14093" max="14093" width="38.88671875" customWidth="1"/>
    <col min="14094" max="14094" width="77.88671875" customWidth="1"/>
    <col min="14095" max="14095" width="65.44140625" customWidth="1"/>
    <col min="14337" max="14337" width="29.109375" customWidth="1"/>
    <col min="14338" max="14338" width="69.88671875" customWidth="1"/>
    <col min="14339" max="14339" width="49" customWidth="1"/>
    <col min="14340" max="14340" width="12.44140625" customWidth="1"/>
    <col min="14341" max="14341" width="6.88671875" customWidth="1"/>
    <col min="14342" max="14342" width="34.44140625" customWidth="1"/>
    <col min="14343" max="14343" width="65.44140625" customWidth="1"/>
    <col min="14344" max="14344" width="7.6640625" customWidth="1"/>
    <col min="14345" max="14345" width="45.6640625" customWidth="1"/>
    <col min="14346" max="14346" width="63" customWidth="1"/>
    <col min="14347" max="14347" width="68.88671875" customWidth="1"/>
    <col min="14348" max="14348" width="59.33203125" customWidth="1"/>
    <col min="14349" max="14349" width="38.88671875" customWidth="1"/>
    <col min="14350" max="14350" width="77.88671875" customWidth="1"/>
    <col min="14351" max="14351" width="65.44140625" customWidth="1"/>
    <col min="14593" max="14593" width="29.109375" customWidth="1"/>
    <col min="14594" max="14594" width="69.88671875" customWidth="1"/>
    <col min="14595" max="14595" width="49" customWidth="1"/>
    <col min="14596" max="14596" width="12.44140625" customWidth="1"/>
    <col min="14597" max="14597" width="6.88671875" customWidth="1"/>
    <col min="14598" max="14598" width="34.44140625" customWidth="1"/>
    <col min="14599" max="14599" width="65.44140625" customWidth="1"/>
    <col min="14600" max="14600" width="7.6640625" customWidth="1"/>
    <col min="14601" max="14601" width="45.6640625" customWidth="1"/>
    <col min="14602" max="14602" width="63" customWidth="1"/>
    <col min="14603" max="14603" width="68.88671875" customWidth="1"/>
    <col min="14604" max="14604" width="59.33203125" customWidth="1"/>
    <col min="14605" max="14605" width="38.88671875" customWidth="1"/>
    <col min="14606" max="14606" width="77.88671875" customWidth="1"/>
    <col min="14607" max="14607" width="65.44140625" customWidth="1"/>
    <col min="14849" max="14849" width="29.109375" customWidth="1"/>
    <col min="14850" max="14850" width="69.88671875" customWidth="1"/>
    <col min="14851" max="14851" width="49" customWidth="1"/>
    <col min="14852" max="14852" width="12.44140625" customWidth="1"/>
    <col min="14853" max="14853" width="6.88671875" customWidth="1"/>
    <col min="14854" max="14854" width="34.44140625" customWidth="1"/>
    <col min="14855" max="14855" width="65.44140625" customWidth="1"/>
    <col min="14856" max="14856" width="7.6640625" customWidth="1"/>
    <col min="14857" max="14857" width="45.6640625" customWidth="1"/>
    <col min="14858" max="14858" width="63" customWidth="1"/>
    <col min="14859" max="14859" width="68.88671875" customWidth="1"/>
    <col min="14860" max="14860" width="59.33203125" customWidth="1"/>
    <col min="14861" max="14861" width="38.88671875" customWidth="1"/>
    <col min="14862" max="14862" width="77.88671875" customWidth="1"/>
    <col min="14863" max="14863" width="65.44140625" customWidth="1"/>
    <col min="15105" max="15105" width="29.109375" customWidth="1"/>
    <col min="15106" max="15106" width="69.88671875" customWidth="1"/>
    <col min="15107" max="15107" width="49" customWidth="1"/>
    <col min="15108" max="15108" width="12.44140625" customWidth="1"/>
    <col min="15109" max="15109" width="6.88671875" customWidth="1"/>
    <col min="15110" max="15110" width="34.44140625" customWidth="1"/>
    <col min="15111" max="15111" width="65.44140625" customWidth="1"/>
    <col min="15112" max="15112" width="7.6640625" customWidth="1"/>
    <col min="15113" max="15113" width="45.6640625" customWidth="1"/>
    <col min="15114" max="15114" width="63" customWidth="1"/>
    <col min="15115" max="15115" width="68.88671875" customWidth="1"/>
    <col min="15116" max="15116" width="59.33203125" customWidth="1"/>
    <col min="15117" max="15117" width="38.88671875" customWidth="1"/>
    <col min="15118" max="15118" width="77.88671875" customWidth="1"/>
    <col min="15119" max="15119" width="65.44140625" customWidth="1"/>
    <col min="15361" max="15361" width="29.109375" customWidth="1"/>
    <col min="15362" max="15362" width="69.88671875" customWidth="1"/>
    <col min="15363" max="15363" width="49" customWidth="1"/>
    <col min="15364" max="15364" width="12.44140625" customWidth="1"/>
    <col min="15365" max="15365" width="6.88671875" customWidth="1"/>
    <col min="15366" max="15366" width="34.44140625" customWidth="1"/>
    <col min="15367" max="15367" width="65.44140625" customWidth="1"/>
    <col min="15368" max="15368" width="7.6640625" customWidth="1"/>
    <col min="15369" max="15369" width="45.6640625" customWidth="1"/>
    <col min="15370" max="15370" width="63" customWidth="1"/>
    <col min="15371" max="15371" width="68.88671875" customWidth="1"/>
    <col min="15372" max="15372" width="59.33203125" customWidth="1"/>
    <col min="15373" max="15373" width="38.88671875" customWidth="1"/>
    <col min="15374" max="15374" width="77.88671875" customWidth="1"/>
    <col min="15375" max="15375" width="65.44140625" customWidth="1"/>
    <col min="15617" max="15617" width="29.109375" customWidth="1"/>
    <col min="15618" max="15618" width="69.88671875" customWidth="1"/>
    <col min="15619" max="15619" width="49" customWidth="1"/>
    <col min="15620" max="15620" width="12.44140625" customWidth="1"/>
    <col min="15621" max="15621" width="6.88671875" customWidth="1"/>
    <col min="15622" max="15622" width="34.44140625" customWidth="1"/>
    <col min="15623" max="15623" width="65.44140625" customWidth="1"/>
    <col min="15624" max="15624" width="7.6640625" customWidth="1"/>
    <col min="15625" max="15625" width="45.6640625" customWidth="1"/>
    <col min="15626" max="15626" width="63" customWidth="1"/>
    <col min="15627" max="15627" width="68.88671875" customWidth="1"/>
    <col min="15628" max="15628" width="59.33203125" customWidth="1"/>
    <col min="15629" max="15629" width="38.88671875" customWidth="1"/>
    <col min="15630" max="15630" width="77.88671875" customWidth="1"/>
    <col min="15631" max="15631" width="65.44140625" customWidth="1"/>
    <col min="15873" max="15873" width="29.109375" customWidth="1"/>
    <col min="15874" max="15874" width="69.88671875" customWidth="1"/>
    <col min="15875" max="15875" width="49" customWidth="1"/>
    <col min="15876" max="15876" width="12.44140625" customWidth="1"/>
    <col min="15877" max="15877" width="6.88671875" customWidth="1"/>
    <col min="15878" max="15878" width="34.44140625" customWidth="1"/>
    <col min="15879" max="15879" width="65.44140625" customWidth="1"/>
    <col min="15880" max="15880" width="7.6640625" customWidth="1"/>
    <col min="15881" max="15881" width="45.6640625" customWidth="1"/>
    <col min="15882" max="15882" width="63" customWidth="1"/>
    <col min="15883" max="15883" width="68.88671875" customWidth="1"/>
    <col min="15884" max="15884" width="59.33203125" customWidth="1"/>
    <col min="15885" max="15885" width="38.88671875" customWidth="1"/>
    <col min="15886" max="15886" width="77.88671875" customWidth="1"/>
    <col min="15887" max="15887" width="65.44140625" customWidth="1"/>
    <col min="16129" max="16129" width="29.109375" customWidth="1"/>
    <col min="16130" max="16130" width="69.88671875" customWidth="1"/>
    <col min="16131" max="16131" width="49" customWidth="1"/>
    <col min="16132" max="16132" width="12.44140625" customWidth="1"/>
    <col min="16133" max="16133" width="6.88671875" customWidth="1"/>
    <col min="16134" max="16134" width="34.44140625" customWidth="1"/>
    <col min="16135" max="16135" width="65.44140625" customWidth="1"/>
    <col min="16136" max="16136" width="7.6640625" customWidth="1"/>
    <col min="16137" max="16137" width="45.6640625" customWidth="1"/>
    <col min="16138" max="16138" width="63" customWidth="1"/>
    <col min="16139" max="16139" width="68.88671875" customWidth="1"/>
    <col min="16140" max="16140" width="59.33203125" customWidth="1"/>
    <col min="16141" max="16141" width="38.88671875" customWidth="1"/>
    <col min="16142" max="16142" width="77.88671875" customWidth="1"/>
    <col min="16143" max="16143" width="65.44140625" customWidth="1"/>
  </cols>
  <sheetData>
    <row r="1" spans="1:15" x14ac:dyDescent="0.3">
      <c r="A1" s="43" t="s">
        <v>872</v>
      </c>
      <c r="B1" s="43"/>
      <c r="C1" s="44"/>
      <c r="D1" s="45"/>
      <c r="E1" s="45"/>
      <c r="F1" s="45"/>
      <c r="G1" s="43"/>
      <c r="H1" s="45"/>
      <c r="I1" s="45"/>
      <c r="J1" s="45"/>
      <c r="K1" s="45"/>
      <c r="L1" s="45"/>
      <c r="M1" s="45"/>
      <c r="N1" s="45"/>
      <c r="O1" s="45"/>
    </row>
    <row r="2" spans="1:15" x14ac:dyDescent="0.3">
      <c r="A2" s="46" t="s">
        <v>254</v>
      </c>
      <c r="B2" s="46" t="s">
        <v>873</v>
      </c>
      <c r="C2" s="47" t="s">
        <v>874</v>
      </c>
      <c r="D2" s="41" t="s">
        <v>124</v>
      </c>
      <c r="E2" s="41" t="s">
        <v>142</v>
      </c>
      <c r="F2" s="41" t="s">
        <v>875</v>
      </c>
      <c r="G2" s="41" t="s">
        <v>876</v>
      </c>
      <c r="H2" s="41" t="s">
        <v>141</v>
      </c>
      <c r="I2" s="41" t="s">
        <v>877</v>
      </c>
      <c r="J2" s="41" t="s">
        <v>878</v>
      </c>
      <c r="K2" s="41" t="s">
        <v>256</v>
      </c>
      <c r="L2" s="41" t="s">
        <v>352</v>
      </c>
      <c r="M2" s="41" t="s">
        <v>879</v>
      </c>
      <c r="N2" s="48" t="s">
        <v>880</v>
      </c>
      <c r="O2" s="46" t="s">
        <v>881</v>
      </c>
    </row>
    <row r="3" spans="1:15" x14ac:dyDescent="0.3">
      <c r="A3" s="42"/>
      <c r="B3" s="42" t="s">
        <v>882</v>
      </c>
      <c r="C3" s="42" t="s">
        <v>883</v>
      </c>
      <c r="D3" s="42" t="s">
        <v>884</v>
      </c>
      <c r="E3" s="42" t="s">
        <v>82</v>
      </c>
      <c r="F3" s="42" t="s">
        <v>885</v>
      </c>
      <c r="G3" s="42" t="s">
        <v>886</v>
      </c>
      <c r="H3" s="42" t="s">
        <v>747</v>
      </c>
      <c r="I3" s="42" t="s">
        <v>887</v>
      </c>
      <c r="J3" s="42" t="s">
        <v>888</v>
      </c>
      <c r="K3" s="42" t="s">
        <v>889</v>
      </c>
      <c r="L3" s="42" t="s">
        <v>890</v>
      </c>
      <c r="M3" s="42" t="s">
        <v>891</v>
      </c>
      <c r="N3" s="42" t="s">
        <v>892</v>
      </c>
      <c r="O3" s="42" t="s">
        <v>893</v>
      </c>
    </row>
    <row r="4" spans="1:15" x14ac:dyDescent="0.3">
      <c r="A4" s="45"/>
      <c r="B4" s="45" t="s">
        <v>894</v>
      </c>
      <c r="C4" s="15" t="s">
        <v>895</v>
      </c>
      <c r="D4" s="15" t="s">
        <v>884</v>
      </c>
      <c r="E4" s="45" t="s">
        <v>82</v>
      </c>
      <c r="F4" s="45" t="s">
        <v>896</v>
      </c>
      <c r="G4" s="45" t="s">
        <v>897</v>
      </c>
      <c r="H4" s="45" t="s">
        <v>747</v>
      </c>
      <c r="I4" t="s">
        <v>898</v>
      </c>
      <c r="J4" s="45" t="s">
        <v>899</v>
      </c>
      <c r="K4" s="45" t="s">
        <v>889</v>
      </c>
      <c r="L4" s="45" t="s">
        <v>900</v>
      </c>
      <c r="M4" s="45" t="s">
        <v>891</v>
      </c>
      <c r="N4" s="45" t="s">
        <v>901</v>
      </c>
      <c r="O4" s="45" t="s">
        <v>893</v>
      </c>
    </row>
    <row r="5" spans="1:15" x14ac:dyDescent="0.3">
      <c r="A5" s="42"/>
      <c r="B5" s="42" t="s">
        <v>894</v>
      </c>
      <c r="C5" s="42" t="s">
        <v>902</v>
      </c>
      <c r="D5" s="42" t="s">
        <v>884</v>
      </c>
      <c r="E5" s="42" t="s">
        <v>82</v>
      </c>
      <c r="F5" s="42" t="s">
        <v>903</v>
      </c>
      <c r="G5" s="42" t="s">
        <v>904</v>
      </c>
      <c r="H5" s="42" t="s">
        <v>747</v>
      </c>
      <c r="I5" s="42" t="s">
        <v>905</v>
      </c>
      <c r="J5" s="42" t="s">
        <v>906</v>
      </c>
      <c r="K5" s="42" t="s">
        <v>889</v>
      </c>
      <c r="L5" s="42" t="s">
        <v>907</v>
      </c>
      <c r="M5" s="42" t="s">
        <v>891</v>
      </c>
      <c r="N5" s="42" t="s">
        <v>908</v>
      </c>
      <c r="O5" s="42" t="s">
        <v>893</v>
      </c>
    </row>
    <row r="6" spans="1:15" x14ac:dyDescent="0.3">
      <c r="A6" s="45"/>
      <c r="B6" s="45" t="s">
        <v>909</v>
      </c>
      <c r="C6" s="15" t="s">
        <v>910</v>
      </c>
      <c r="D6" s="15" t="s">
        <v>884</v>
      </c>
      <c r="E6" s="45" t="s">
        <v>82</v>
      </c>
      <c r="F6" s="45" t="s">
        <v>911</v>
      </c>
      <c r="G6" s="45" t="s">
        <v>912</v>
      </c>
      <c r="H6" s="45" t="s">
        <v>747</v>
      </c>
      <c r="I6" t="s">
        <v>913</v>
      </c>
      <c r="J6" s="45" t="s">
        <v>914</v>
      </c>
      <c r="K6" s="45" t="s">
        <v>889</v>
      </c>
      <c r="L6" s="45" t="s">
        <v>915</v>
      </c>
      <c r="M6" s="45" t="s">
        <v>916</v>
      </c>
      <c r="N6" s="45" t="s">
        <v>917</v>
      </c>
      <c r="O6" s="45" t="s">
        <v>893</v>
      </c>
    </row>
    <row r="7" spans="1:15" x14ac:dyDescent="0.3">
      <c r="A7" s="42"/>
      <c r="B7" s="42" t="s">
        <v>918</v>
      </c>
      <c r="C7" s="42" t="s">
        <v>919</v>
      </c>
      <c r="D7" s="42" t="s">
        <v>884</v>
      </c>
      <c r="E7" s="42" t="s">
        <v>82</v>
      </c>
      <c r="F7" s="42" t="s">
        <v>920</v>
      </c>
      <c r="G7" s="42" t="s">
        <v>921</v>
      </c>
      <c r="H7" s="42" t="s">
        <v>747</v>
      </c>
      <c r="I7" s="42" t="s">
        <v>922</v>
      </c>
      <c r="J7" s="42" t="s">
        <v>923</v>
      </c>
      <c r="K7" s="42" t="s">
        <v>889</v>
      </c>
      <c r="L7" s="42" t="s">
        <v>924</v>
      </c>
      <c r="M7" s="42" t="s">
        <v>916</v>
      </c>
      <c r="N7" s="42" t="s">
        <v>925</v>
      </c>
      <c r="O7" s="42" t="s">
        <v>893</v>
      </c>
    </row>
    <row r="8" spans="1:15" x14ac:dyDescent="0.3">
      <c r="A8" s="45"/>
      <c r="B8" s="45" t="s">
        <v>926</v>
      </c>
      <c r="C8" s="15" t="s">
        <v>927</v>
      </c>
      <c r="D8" s="15" t="s">
        <v>884</v>
      </c>
      <c r="E8" s="45" t="s">
        <v>82</v>
      </c>
      <c r="F8" s="45" t="s">
        <v>928</v>
      </c>
      <c r="G8" s="45" t="s">
        <v>929</v>
      </c>
      <c r="H8" s="45" t="s">
        <v>747</v>
      </c>
      <c r="I8" t="s">
        <v>930</v>
      </c>
      <c r="J8" s="45" t="s">
        <v>931</v>
      </c>
      <c r="K8" s="45" t="s">
        <v>889</v>
      </c>
      <c r="L8" s="45" t="s">
        <v>932</v>
      </c>
      <c r="M8" s="45" t="s">
        <v>916</v>
      </c>
      <c r="N8" s="45" t="s">
        <v>933</v>
      </c>
      <c r="O8" s="45" t="s">
        <v>893</v>
      </c>
    </row>
    <row r="9" spans="1:15" x14ac:dyDescent="0.3">
      <c r="A9" s="42"/>
      <c r="B9" s="42" t="s">
        <v>934</v>
      </c>
      <c r="C9" s="42" t="s">
        <v>935</v>
      </c>
      <c r="D9" s="42" t="s">
        <v>884</v>
      </c>
      <c r="E9" s="42" t="s">
        <v>82</v>
      </c>
      <c r="F9" s="42" t="s">
        <v>936</v>
      </c>
      <c r="G9" s="42" t="s">
        <v>937</v>
      </c>
      <c r="H9" s="42" t="s">
        <v>747</v>
      </c>
      <c r="I9" s="42" t="s">
        <v>938</v>
      </c>
      <c r="J9" s="42" t="s">
        <v>939</v>
      </c>
      <c r="K9" s="42" t="s">
        <v>889</v>
      </c>
      <c r="L9" s="42" t="s">
        <v>940</v>
      </c>
      <c r="M9" s="42" t="s">
        <v>916</v>
      </c>
      <c r="N9" s="42" t="s">
        <v>941</v>
      </c>
      <c r="O9" s="42" t="s">
        <v>893</v>
      </c>
    </row>
    <row r="10" spans="1:15" x14ac:dyDescent="0.3">
      <c r="A10" s="45"/>
      <c r="B10" s="45" t="s">
        <v>934</v>
      </c>
      <c r="C10" s="15" t="s">
        <v>942</v>
      </c>
      <c r="D10" s="15" t="s">
        <v>884</v>
      </c>
      <c r="E10" s="45" t="s">
        <v>82</v>
      </c>
      <c r="F10" s="45" t="s">
        <v>943</v>
      </c>
      <c r="G10" s="45" t="s">
        <v>944</v>
      </c>
      <c r="H10" s="45" t="s">
        <v>747</v>
      </c>
      <c r="I10" t="s">
        <v>945</v>
      </c>
      <c r="J10" s="45" t="s">
        <v>946</v>
      </c>
      <c r="K10" s="45" t="s">
        <v>889</v>
      </c>
      <c r="L10" s="45" t="s">
        <v>947</v>
      </c>
      <c r="M10" s="45" t="s">
        <v>916</v>
      </c>
      <c r="N10" s="45" t="s">
        <v>948</v>
      </c>
      <c r="O10" s="45" t="s">
        <v>893</v>
      </c>
    </row>
    <row r="11" spans="1:15" x14ac:dyDescent="0.3">
      <c r="A11" s="42"/>
      <c r="B11" s="42" t="s">
        <v>894</v>
      </c>
      <c r="C11" s="42" t="s">
        <v>949</v>
      </c>
      <c r="D11" s="42" t="s">
        <v>884</v>
      </c>
      <c r="E11" s="42" t="s">
        <v>82</v>
      </c>
      <c r="F11" s="42" t="s">
        <v>950</v>
      </c>
      <c r="G11" s="42" t="s">
        <v>951</v>
      </c>
      <c r="H11" s="42" t="s">
        <v>747</v>
      </c>
      <c r="I11" s="42" t="s">
        <v>952</v>
      </c>
      <c r="J11" s="42" t="s">
        <v>953</v>
      </c>
      <c r="K11" s="42" t="s">
        <v>889</v>
      </c>
      <c r="L11" s="42" t="s">
        <v>954</v>
      </c>
      <c r="M11" s="42" t="s">
        <v>916</v>
      </c>
      <c r="N11" s="42" t="s">
        <v>955</v>
      </c>
      <c r="O11" s="42" t="s">
        <v>893</v>
      </c>
    </row>
    <row r="12" spans="1:15" ht="28.8" x14ac:dyDescent="0.3">
      <c r="A12" s="45"/>
      <c r="B12" s="45" t="s">
        <v>956</v>
      </c>
      <c r="C12" s="15" t="s">
        <v>957</v>
      </c>
      <c r="D12" s="15" t="s">
        <v>884</v>
      </c>
      <c r="E12" s="45" t="s">
        <v>82</v>
      </c>
      <c r="F12" s="45" t="s">
        <v>958</v>
      </c>
      <c r="G12" s="45" t="s">
        <v>959</v>
      </c>
      <c r="H12" s="45" t="s">
        <v>747</v>
      </c>
      <c r="I12" t="s">
        <v>960</v>
      </c>
      <c r="J12" s="45" t="s">
        <v>961</v>
      </c>
      <c r="K12" s="45" t="s">
        <v>889</v>
      </c>
      <c r="L12" s="45" t="s">
        <v>962</v>
      </c>
      <c r="M12" s="45" t="s">
        <v>916</v>
      </c>
      <c r="N12" s="45" t="s">
        <v>963</v>
      </c>
      <c r="O12" s="45" t="s">
        <v>893</v>
      </c>
    </row>
    <row r="13" spans="1:15" x14ac:dyDescent="0.3">
      <c r="A13" s="42"/>
      <c r="B13" s="42" t="s">
        <v>964</v>
      </c>
      <c r="C13" s="42" t="s">
        <v>965</v>
      </c>
      <c r="D13" s="42" t="s">
        <v>884</v>
      </c>
      <c r="E13" s="42" t="s">
        <v>82</v>
      </c>
      <c r="F13" s="42" t="s">
        <v>966</v>
      </c>
      <c r="G13" s="42" t="s">
        <v>967</v>
      </c>
      <c r="H13" s="42" t="s">
        <v>747</v>
      </c>
      <c r="I13" s="42" t="s">
        <v>968</v>
      </c>
      <c r="J13" s="42" t="s">
        <v>969</v>
      </c>
      <c r="K13" s="42" t="s">
        <v>889</v>
      </c>
      <c r="L13" s="42" t="s">
        <v>970</v>
      </c>
      <c r="M13" s="42" t="s">
        <v>916</v>
      </c>
      <c r="N13" s="42" t="s">
        <v>971</v>
      </c>
      <c r="O13" s="42" t="s">
        <v>893</v>
      </c>
    </row>
    <row r="14" spans="1:15" x14ac:dyDescent="0.3">
      <c r="A14" s="45"/>
      <c r="B14" s="45" t="s">
        <v>972</v>
      </c>
      <c r="C14" s="15" t="s">
        <v>973</v>
      </c>
      <c r="D14" s="15" t="s">
        <v>884</v>
      </c>
      <c r="E14" s="45" t="s">
        <v>82</v>
      </c>
      <c r="F14" s="45" t="s">
        <v>974</v>
      </c>
      <c r="G14" s="45" t="s">
        <v>975</v>
      </c>
      <c r="H14" s="45" t="s">
        <v>747</v>
      </c>
      <c r="I14" t="s">
        <v>976</v>
      </c>
      <c r="J14" s="45" t="s">
        <v>977</v>
      </c>
      <c r="K14" s="45" t="s">
        <v>889</v>
      </c>
      <c r="L14" s="45" t="s">
        <v>978</v>
      </c>
      <c r="M14" s="45" t="s">
        <v>916</v>
      </c>
      <c r="N14" s="45" t="s">
        <v>979</v>
      </c>
      <c r="O14" s="45" t="s">
        <v>893</v>
      </c>
    </row>
    <row r="15" spans="1:15" x14ac:dyDescent="0.3">
      <c r="A15" s="42"/>
      <c r="B15" s="42" t="s">
        <v>980</v>
      </c>
      <c r="C15" s="42" t="s">
        <v>981</v>
      </c>
      <c r="D15" s="42" t="s">
        <v>884</v>
      </c>
      <c r="E15" s="42" t="s">
        <v>82</v>
      </c>
      <c r="F15" s="42" t="s">
        <v>982</v>
      </c>
      <c r="G15" s="42" t="s">
        <v>983</v>
      </c>
      <c r="H15" s="42" t="s">
        <v>747</v>
      </c>
      <c r="I15" s="42" t="s">
        <v>984</v>
      </c>
      <c r="J15" s="42" t="s">
        <v>985</v>
      </c>
      <c r="K15" s="42" t="s">
        <v>889</v>
      </c>
      <c r="L15" s="42" t="s">
        <v>986</v>
      </c>
      <c r="M15" s="42" t="s">
        <v>891</v>
      </c>
      <c r="N15" s="42" t="s">
        <v>987</v>
      </c>
      <c r="O15" s="42" t="s">
        <v>893</v>
      </c>
    </row>
    <row r="16" spans="1:15" x14ac:dyDescent="0.3">
      <c r="A16" s="45"/>
      <c r="B16" s="45" t="s">
        <v>988</v>
      </c>
      <c r="C16" s="15" t="s">
        <v>989</v>
      </c>
      <c r="D16" s="15" t="s">
        <v>884</v>
      </c>
      <c r="E16" s="45" t="s">
        <v>82</v>
      </c>
      <c r="F16" s="45" t="s">
        <v>990</v>
      </c>
      <c r="G16" s="45" t="s">
        <v>991</v>
      </c>
      <c r="H16" s="45" t="s">
        <v>747</v>
      </c>
      <c r="I16" t="s">
        <v>992</v>
      </c>
      <c r="J16" s="45" t="s">
        <v>993</v>
      </c>
      <c r="K16" s="45" t="s">
        <v>889</v>
      </c>
      <c r="L16" s="45" t="s">
        <v>994</v>
      </c>
      <c r="M16" s="45"/>
      <c r="N16" s="45" t="s">
        <v>995</v>
      </c>
      <c r="O16" s="45" t="s">
        <v>893</v>
      </c>
    </row>
    <row r="17" spans="1:15" x14ac:dyDescent="0.3">
      <c r="A17" s="42"/>
      <c r="B17" s="42" t="s">
        <v>996</v>
      </c>
      <c r="C17" s="42" t="s">
        <v>997</v>
      </c>
      <c r="D17" s="42" t="s">
        <v>884</v>
      </c>
      <c r="E17" s="42" t="s">
        <v>82</v>
      </c>
      <c r="F17" s="42" t="s">
        <v>998</v>
      </c>
      <c r="G17" s="42" t="s">
        <v>999</v>
      </c>
      <c r="H17" s="42" t="s">
        <v>747</v>
      </c>
      <c r="I17" s="42" t="s">
        <v>1000</v>
      </c>
      <c r="J17" s="42" t="s">
        <v>1001</v>
      </c>
      <c r="K17" s="42" t="s">
        <v>889</v>
      </c>
      <c r="L17" s="42" t="s">
        <v>1002</v>
      </c>
      <c r="M17" s="42" t="s">
        <v>891</v>
      </c>
      <c r="N17" s="42" t="s">
        <v>1003</v>
      </c>
      <c r="O17" s="42" t="s">
        <v>893</v>
      </c>
    </row>
    <row r="18" spans="1:15" x14ac:dyDescent="0.3">
      <c r="A18" s="45"/>
      <c r="B18" s="45" t="s">
        <v>882</v>
      </c>
      <c r="C18" s="15" t="s">
        <v>1004</v>
      </c>
      <c r="D18" s="15" t="s">
        <v>884</v>
      </c>
      <c r="E18" s="45" t="s">
        <v>82</v>
      </c>
      <c r="F18" s="45" t="s">
        <v>1005</v>
      </c>
      <c r="G18" s="45" t="s">
        <v>1006</v>
      </c>
      <c r="H18" s="45" t="s">
        <v>747</v>
      </c>
      <c r="I18" t="s">
        <v>1007</v>
      </c>
      <c r="J18" s="45" t="s">
        <v>1008</v>
      </c>
      <c r="K18" s="45" t="s">
        <v>889</v>
      </c>
      <c r="L18" s="45" t="s">
        <v>1009</v>
      </c>
      <c r="M18" s="45" t="s">
        <v>891</v>
      </c>
      <c r="N18" s="45" t="s">
        <v>1010</v>
      </c>
      <c r="O18" s="45" t="s">
        <v>893</v>
      </c>
    </row>
    <row r="19" spans="1:15" x14ac:dyDescent="0.3">
      <c r="A19" s="42"/>
      <c r="B19" s="42" t="s">
        <v>988</v>
      </c>
      <c r="C19" s="42" t="s">
        <v>1011</v>
      </c>
      <c r="D19" s="42" t="s">
        <v>884</v>
      </c>
      <c r="E19" s="42" t="s">
        <v>82</v>
      </c>
      <c r="F19" s="42" t="s">
        <v>1012</v>
      </c>
      <c r="G19" s="42" t="s">
        <v>1013</v>
      </c>
      <c r="H19" s="42" t="s">
        <v>747</v>
      </c>
      <c r="I19" s="42" t="s">
        <v>1014</v>
      </c>
      <c r="J19" s="42" t="s">
        <v>1015</v>
      </c>
      <c r="K19" s="42" t="s">
        <v>889</v>
      </c>
      <c r="L19" s="42" t="s">
        <v>1016</v>
      </c>
      <c r="M19" s="42" t="s">
        <v>891</v>
      </c>
      <c r="N19" s="42" t="s">
        <v>1017</v>
      </c>
      <c r="O19" s="42" t="s">
        <v>893</v>
      </c>
    </row>
    <row r="20" spans="1:15" x14ac:dyDescent="0.3">
      <c r="A20" s="45"/>
      <c r="B20" s="45" t="s">
        <v>894</v>
      </c>
      <c r="C20" s="15" t="s">
        <v>1018</v>
      </c>
      <c r="D20" s="15" t="s">
        <v>884</v>
      </c>
      <c r="E20" s="45" t="s">
        <v>82</v>
      </c>
      <c r="F20" s="45" t="s">
        <v>1019</v>
      </c>
      <c r="G20" s="45" t="s">
        <v>1020</v>
      </c>
      <c r="H20" s="45" t="s">
        <v>747</v>
      </c>
      <c r="I20" t="s">
        <v>1021</v>
      </c>
      <c r="J20" s="45" t="s">
        <v>1022</v>
      </c>
      <c r="K20" s="45" t="s">
        <v>889</v>
      </c>
      <c r="L20" s="45" t="s">
        <v>1023</v>
      </c>
      <c r="M20" s="45" t="s">
        <v>891</v>
      </c>
      <c r="N20" s="45" t="s">
        <v>1024</v>
      </c>
      <c r="O20" s="45" t="s">
        <v>893</v>
      </c>
    </row>
    <row r="21" spans="1:15" x14ac:dyDescent="0.3">
      <c r="A21" s="42"/>
      <c r="B21" s="42" t="s">
        <v>1025</v>
      </c>
      <c r="C21" s="42" t="s">
        <v>1026</v>
      </c>
      <c r="D21" s="42" t="s">
        <v>884</v>
      </c>
      <c r="E21" s="42" t="s">
        <v>82</v>
      </c>
      <c r="F21" s="42" t="s">
        <v>1027</v>
      </c>
      <c r="G21" s="42" t="s">
        <v>1028</v>
      </c>
      <c r="H21" s="42" t="s">
        <v>747</v>
      </c>
      <c r="I21" s="42" t="s">
        <v>1029</v>
      </c>
      <c r="J21" s="42" t="s">
        <v>1030</v>
      </c>
      <c r="K21" s="42" t="s">
        <v>889</v>
      </c>
      <c r="L21" s="42" t="s">
        <v>1031</v>
      </c>
      <c r="M21" s="42" t="s">
        <v>891</v>
      </c>
      <c r="N21" s="42" t="s">
        <v>1032</v>
      </c>
      <c r="O21" s="42" t="s">
        <v>893</v>
      </c>
    </row>
    <row r="22" spans="1:15" x14ac:dyDescent="0.3">
      <c r="A22" s="45"/>
      <c r="B22" s="45" t="s">
        <v>1033</v>
      </c>
      <c r="C22" s="15" t="s">
        <v>1034</v>
      </c>
      <c r="D22" s="15" t="s">
        <v>884</v>
      </c>
      <c r="E22" s="45" t="s">
        <v>82</v>
      </c>
      <c r="F22" s="45" t="s">
        <v>1035</v>
      </c>
      <c r="G22" s="45" t="s">
        <v>1036</v>
      </c>
      <c r="H22" s="45" t="s">
        <v>747</v>
      </c>
      <c r="I22" t="s">
        <v>1037</v>
      </c>
      <c r="J22" s="45" t="s">
        <v>1038</v>
      </c>
      <c r="K22" s="45" t="s">
        <v>889</v>
      </c>
      <c r="L22" s="45" t="s">
        <v>1039</v>
      </c>
      <c r="M22" s="45" t="s">
        <v>891</v>
      </c>
      <c r="N22" s="45" t="s">
        <v>1040</v>
      </c>
      <c r="O22" s="45" t="s">
        <v>893</v>
      </c>
    </row>
    <row r="23" spans="1:15" x14ac:dyDescent="0.3">
      <c r="A23" s="42"/>
      <c r="B23" s="42" t="s">
        <v>1033</v>
      </c>
      <c r="C23" s="42" t="s">
        <v>1041</v>
      </c>
      <c r="D23" s="42" t="s">
        <v>884</v>
      </c>
      <c r="E23" s="42" t="s">
        <v>82</v>
      </c>
      <c r="F23" s="42" t="s">
        <v>1042</v>
      </c>
      <c r="G23" s="42" t="s">
        <v>1043</v>
      </c>
      <c r="H23" s="42" t="s">
        <v>747</v>
      </c>
      <c r="I23" s="42" t="s">
        <v>1044</v>
      </c>
      <c r="J23" s="42" t="s">
        <v>1045</v>
      </c>
      <c r="K23" s="42" t="s">
        <v>889</v>
      </c>
      <c r="L23" s="42" t="s">
        <v>1046</v>
      </c>
      <c r="M23" s="42" t="s">
        <v>891</v>
      </c>
      <c r="N23" s="42" t="s">
        <v>1047</v>
      </c>
      <c r="O23" s="42" t="s">
        <v>893</v>
      </c>
    </row>
    <row r="24" spans="1:15" x14ac:dyDescent="0.3">
      <c r="A24" s="45"/>
      <c r="B24" s="45" t="s">
        <v>1025</v>
      </c>
      <c r="D24" s="15" t="s">
        <v>884</v>
      </c>
      <c r="E24" s="45" t="s">
        <v>82</v>
      </c>
      <c r="F24" s="45" t="s">
        <v>1048</v>
      </c>
      <c r="G24" s="45" t="s">
        <v>1049</v>
      </c>
      <c r="H24" s="45" t="s">
        <v>747</v>
      </c>
      <c r="I24" t="s">
        <v>1050</v>
      </c>
      <c r="J24" s="45" t="s">
        <v>1051</v>
      </c>
      <c r="K24" s="45" t="s">
        <v>889</v>
      </c>
      <c r="L24" s="45" t="s">
        <v>1052</v>
      </c>
      <c r="M24" s="45" t="s">
        <v>891</v>
      </c>
      <c r="N24" s="45" t="s">
        <v>1053</v>
      </c>
      <c r="O24" s="45" t="s">
        <v>893</v>
      </c>
    </row>
    <row r="25" spans="1:15" x14ac:dyDescent="0.3">
      <c r="A25" s="42"/>
      <c r="B25" s="42" t="s">
        <v>1054</v>
      </c>
      <c r="C25" s="42" t="s">
        <v>997</v>
      </c>
      <c r="D25" s="42" t="s">
        <v>884</v>
      </c>
      <c r="E25" s="42" t="s">
        <v>82</v>
      </c>
      <c r="F25" s="42" t="s">
        <v>1558</v>
      </c>
      <c r="G25" s="42" t="s">
        <v>1056</v>
      </c>
      <c r="H25" s="42" t="s">
        <v>747</v>
      </c>
      <c r="I25" s="42" t="s">
        <v>1055</v>
      </c>
      <c r="J25" s="42" t="s">
        <v>1057</v>
      </c>
      <c r="K25" s="42" t="s">
        <v>889</v>
      </c>
      <c r="L25" s="42" t="s">
        <v>1058</v>
      </c>
      <c r="M25" s="42" t="s">
        <v>916</v>
      </c>
      <c r="N25" s="42" t="s">
        <v>1059</v>
      </c>
      <c r="O25" s="42" t="s">
        <v>893</v>
      </c>
    </row>
    <row r="26" spans="1:15" x14ac:dyDescent="0.3">
      <c r="A26" s="45"/>
      <c r="B26" s="45" t="s">
        <v>894</v>
      </c>
      <c r="C26" s="15" t="s">
        <v>1060</v>
      </c>
      <c r="D26" s="15" t="s">
        <v>884</v>
      </c>
      <c r="E26" s="45" t="s">
        <v>82</v>
      </c>
      <c r="F26" s="45" t="s">
        <v>1061</v>
      </c>
      <c r="G26" s="45" t="s">
        <v>1062</v>
      </c>
      <c r="H26" s="45" t="s">
        <v>747</v>
      </c>
      <c r="I26" t="s">
        <v>1063</v>
      </c>
      <c r="J26" s="45" t="s">
        <v>1064</v>
      </c>
      <c r="K26" s="45" t="s">
        <v>889</v>
      </c>
      <c r="L26" s="45" t="s">
        <v>1065</v>
      </c>
      <c r="M26" s="45" t="s">
        <v>916</v>
      </c>
      <c r="N26" s="45" t="s">
        <v>1066</v>
      </c>
      <c r="O26" s="45" t="s">
        <v>893</v>
      </c>
    </row>
    <row r="27" spans="1:15" x14ac:dyDescent="0.3">
      <c r="A27" s="42"/>
      <c r="B27" s="42" t="s">
        <v>894</v>
      </c>
      <c r="C27" s="42" t="s">
        <v>1067</v>
      </c>
      <c r="D27" s="42" t="s">
        <v>884</v>
      </c>
      <c r="E27" s="42" t="s">
        <v>82</v>
      </c>
      <c r="F27" s="42" t="s">
        <v>1068</v>
      </c>
      <c r="G27" s="42" t="s">
        <v>1069</v>
      </c>
      <c r="H27" s="42" t="s">
        <v>747</v>
      </c>
      <c r="I27" s="42" t="s">
        <v>1070</v>
      </c>
      <c r="J27" s="42" t="s">
        <v>1071</v>
      </c>
      <c r="K27" s="42" t="s">
        <v>889</v>
      </c>
      <c r="L27" s="42" t="s">
        <v>1072</v>
      </c>
      <c r="M27" s="42" t="s">
        <v>916</v>
      </c>
      <c r="N27" s="42" t="s">
        <v>1073</v>
      </c>
      <c r="O27" s="42" t="s">
        <v>893</v>
      </c>
    </row>
    <row r="28" spans="1:15" ht="18.75" customHeight="1" x14ac:dyDescent="0.3">
      <c r="A28" s="45"/>
      <c r="B28" s="45" t="s">
        <v>1033</v>
      </c>
      <c r="C28" s="15" t="s">
        <v>1074</v>
      </c>
      <c r="D28" s="15" t="s">
        <v>884</v>
      </c>
      <c r="E28" s="45" t="s">
        <v>82</v>
      </c>
      <c r="F28" s="45" t="s">
        <v>1075</v>
      </c>
      <c r="G28" s="45" t="s">
        <v>1076</v>
      </c>
      <c r="H28" s="45" t="s">
        <v>747</v>
      </c>
      <c r="I28" t="s">
        <v>1077</v>
      </c>
      <c r="J28" s="45" t="s">
        <v>1078</v>
      </c>
      <c r="K28" s="45" t="s">
        <v>889</v>
      </c>
      <c r="L28" s="45" t="s">
        <v>1079</v>
      </c>
      <c r="M28" s="45" t="s">
        <v>916</v>
      </c>
      <c r="N28" s="45" t="s">
        <v>1080</v>
      </c>
      <c r="O28" s="45" t="s">
        <v>893</v>
      </c>
    </row>
    <row r="29" spans="1:15" x14ac:dyDescent="0.3">
      <c r="A29" s="42"/>
      <c r="B29" s="42" t="s">
        <v>1081</v>
      </c>
      <c r="C29" s="42" t="s">
        <v>1082</v>
      </c>
      <c r="D29" s="42" t="s">
        <v>884</v>
      </c>
      <c r="E29" s="42" t="s">
        <v>82</v>
      </c>
      <c r="F29" s="42" t="s">
        <v>1083</v>
      </c>
      <c r="G29" s="42" t="s">
        <v>1084</v>
      </c>
      <c r="H29" s="42" t="s">
        <v>747</v>
      </c>
      <c r="I29" s="42" t="s">
        <v>1085</v>
      </c>
      <c r="J29" s="42" t="s">
        <v>1086</v>
      </c>
      <c r="K29" s="42" t="s">
        <v>1087</v>
      </c>
      <c r="L29" s="42" t="s">
        <v>1088</v>
      </c>
      <c r="M29" s="42" t="s">
        <v>916</v>
      </c>
      <c r="N29" s="42" t="s">
        <v>1089</v>
      </c>
      <c r="O29" s="42" t="s">
        <v>893</v>
      </c>
    </row>
    <row r="30" spans="1:15" x14ac:dyDescent="0.3">
      <c r="A30" s="45"/>
      <c r="B30" s="45" t="s">
        <v>934</v>
      </c>
      <c r="C30" s="15" t="s">
        <v>1090</v>
      </c>
      <c r="D30" s="15" t="s">
        <v>884</v>
      </c>
      <c r="E30" s="45" t="s">
        <v>82</v>
      </c>
      <c r="F30" s="45" t="s">
        <v>1091</v>
      </c>
      <c r="G30" s="45" t="s">
        <v>1092</v>
      </c>
      <c r="H30" s="45" t="s">
        <v>747</v>
      </c>
      <c r="I30" t="s">
        <v>1093</v>
      </c>
      <c r="J30" s="45" t="s">
        <v>1094</v>
      </c>
      <c r="K30" s="45" t="s">
        <v>889</v>
      </c>
      <c r="L30" s="45" t="s">
        <v>1095</v>
      </c>
      <c r="M30" s="45" t="s">
        <v>916</v>
      </c>
      <c r="N30" s="45" t="s">
        <v>1096</v>
      </c>
      <c r="O30" s="45" t="s">
        <v>893</v>
      </c>
    </row>
    <row r="31" spans="1:15" x14ac:dyDescent="0.3">
      <c r="A31" s="42"/>
      <c r="B31" s="42" t="s">
        <v>1097</v>
      </c>
      <c r="C31" s="42" t="s">
        <v>1098</v>
      </c>
      <c r="D31" s="42" t="s">
        <v>884</v>
      </c>
      <c r="E31" s="42" t="s">
        <v>82</v>
      </c>
      <c r="F31" s="42" t="s">
        <v>1099</v>
      </c>
      <c r="G31" s="42" t="s">
        <v>1100</v>
      </c>
      <c r="H31" s="42" t="s">
        <v>747</v>
      </c>
      <c r="I31" s="42" t="s">
        <v>1101</v>
      </c>
      <c r="J31" s="42" t="s">
        <v>1102</v>
      </c>
      <c r="K31" s="42" t="s">
        <v>889</v>
      </c>
      <c r="L31" s="42" t="s">
        <v>1103</v>
      </c>
      <c r="M31" s="42" t="s">
        <v>916</v>
      </c>
      <c r="N31" s="42" t="s">
        <v>1104</v>
      </c>
      <c r="O31" s="42" t="s">
        <v>893</v>
      </c>
    </row>
    <row r="32" spans="1:15" ht="28.8" x14ac:dyDescent="0.3">
      <c r="A32" s="45"/>
      <c r="B32" s="45" t="s">
        <v>1105</v>
      </c>
      <c r="C32" s="15" t="s">
        <v>1106</v>
      </c>
      <c r="D32" s="15" t="s">
        <v>884</v>
      </c>
      <c r="E32" s="45" t="s">
        <v>82</v>
      </c>
      <c r="F32" s="45" t="s">
        <v>1107</v>
      </c>
      <c r="G32" s="45" t="s">
        <v>1108</v>
      </c>
      <c r="H32" s="45" t="s">
        <v>747</v>
      </c>
      <c r="I32" t="s">
        <v>1109</v>
      </c>
      <c r="J32" s="45" t="s">
        <v>1110</v>
      </c>
      <c r="K32" s="45" t="s">
        <v>889</v>
      </c>
      <c r="L32" s="45" t="s">
        <v>1111</v>
      </c>
      <c r="M32" s="45" t="s">
        <v>916</v>
      </c>
      <c r="N32" s="45" t="s">
        <v>1112</v>
      </c>
      <c r="O32" s="45" t="s">
        <v>893</v>
      </c>
    </row>
    <row r="33" spans="1:15" x14ac:dyDescent="0.3">
      <c r="A33" s="42"/>
      <c r="B33" s="42" t="s">
        <v>1113</v>
      </c>
      <c r="C33" s="42" t="s">
        <v>1114</v>
      </c>
      <c r="D33" s="42" t="s">
        <v>884</v>
      </c>
      <c r="E33" s="42" t="s">
        <v>82</v>
      </c>
      <c r="F33" s="42" t="s">
        <v>1115</v>
      </c>
      <c r="G33" s="42" t="s">
        <v>1116</v>
      </c>
      <c r="H33" s="42" t="s">
        <v>747</v>
      </c>
      <c r="I33" s="42" t="s">
        <v>1117</v>
      </c>
      <c r="J33" s="42" t="s">
        <v>1118</v>
      </c>
      <c r="K33" s="42" t="s">
        <v>889</v>
      </c>
      <c r="L33" s="42" t="s">
        <v>1119</v>
      </c>
      <c r="M33" s="42" t="s">
        <v>916</v>
      </c>
      <c r="N33" s="42" t="s">
        <v>1120</v>
      </c>
      <c r="O33" s="42" t="s">
        <v>893</v>
      </c>
    </row>
    <row r="34" spans="1:15" x14ac:dyDescent="0.3">
      <c r="A34" s="45"/>
      <c r="B34" s="45" t="s">
        <v>1105</v>
      </c>
      <c r="C34" s="15" t="s">
        <v>1121</v>
      </c>
      <c r="D34" s="15" t="s">
        <v>884</v>
      </c>
      <c r="E34" s="45" t="s">
        <v>82</v>
      </c>
      <c r="F34" s="45" t="s">
        <v>1122</v>
      </c>
      <c r="G34" s="45" t="s">
        <v>1123</v>
      </c>
      <c r="H34" s="45" t="s">
        <v>747</v>
      </c>
      <c r="I34" t="s">
        <v>1124</v>
      </c>
      <c r="J34" s="45" t="s">
        <v>1125</v>
      </c>
      <c r="K34" s="45" t="s">
        <v>889</v>
      </c>
      <c r="L34" s="45" t="s">
        <v>1126</v>
      </c>
      <c r="M34" s="45" t="s">
        <v>891</v>
      </c>
      <c r="N34" s="45" t="s">
        <v>1127</v>
      </c>
      <c r="O34" s="45" t="s">
        <v>893</v>
      </c>
    </row>
    <row r="35" spans="1:15" x14ac:dyDescent="0.3">
      <c r="A35" s="42"/>
      <c r="B35" s="42" t="s">
        <v>1128</v>
      </c>
      <c r="C35" s="42" t="s">
        <v>1129</v>
      </c>
      <c r="D35" s="42">
        <v>1608</v>
      </c>
      <c r="E35" s="42" t="s">
        <v>82</v>
      </c>
      <c r="F35" s="42" t="s">
        <v>1130</v>
      </c>
      <c r="G35" s="42" t="s">
        <v>1131</v>
      </c>
      <c r="H35" s="42" t="s">
        <v>747</v>
      </c>
      <c r="I35" s="42" t="s">
        <v>1132</v>
      </c>
      <c r="J35" s="42" t="s">
        <v>1133</v>
      </c>
      <c r="K35" s="42" t="s">
        <v>889</v>
      </c>
      <c r="L35" s="42" t="s">
        <v>1134</v>
      </c>
      <c r="M35" s="42" t="s">
        <v>916</v>
      </c>
      <c r="N35" s="42" t="s">
        <v>1135</v>
      </c>
      <c r="O35" s="42" t="s">
        <v>893</v>
      </c>
    </row>
    <row r="36" spans="1:15" ht="16.5" customHeight="1" x14ac:dyDescent="0.3">
      <c r="A36" s="45"/>
      <c r="B36" s="45" t="s">
        <v>1136</v>
      </c>
      <c r="C36" s="15" t="s">
        <v>1137</v>
      </c>
      <c r="D36" s="45">
        <v>1608</v>
      </c>
      <c r="E36" s="45" t="s">
        <v>82</v>
      </c>
      <c r="F36" t="s">
        <v>1138</v>
      </c>
      <c r="G36" s="45" t="s">
        <v>1139</v>
      </c>
      <c r="H36" s="45" t="s">
        <v>747</v>
      </c>
      <c r="I36" t="s">
        <v>1140</v>
      </c>
      <c r="J36" s="45" t="s">
        <v>1141</v>
      </c>
      <c r="K36" s="45" t="s">
        <v>889</v>
      </c>
      <c r="L36" s="45" t="s">
        <v>1142</v>
      </c>
      <c r="M36" s="45" t="s">
        <v>916</v>
      </c>
      <c r="N36" s="45" t="s">
        <v>1143</v>
      </c>
      <c r="O36" s="45" t="s">
        <v>893</v>
      </c>
    </row>
    <row r="37" spans="1:15" x14ac:dyDescent="0.3">
      <c r="A37" s="42"/>
      <c r="B37" s="42" t="s">
        <v>1144</v>
      </c>
      <c r="C37" s="42" t="s">
        <v>1145</v>
      </c>
      <c r="D37" s="42">
        <v>1702</v>
      </c>
      <c r="E37" s="42" t="s">
        <v>82</v>
      </c>
      <c r="F37" s="42" t="s">
        <v>1146</v>
      </c>
      <c r="G37" s="42" t="s">
        <v>1147</v>
      </c>
      <c r="H37" s="42" t="s">
        <v>747</v>
      </c>
      <c r="I37" s="42" t="s">
        <v>1148</v>
      </c>
      <c r="J37" s="42" t="s">
        <v>1149</v>
      </c>
      <c r="K37" s="42" t="s">
        <v>889</v>
      </c>
      <c r="L37" s="42" t="s">
        <v>1150</v>
      </c>
      <c r="M37" s="42" t="s">
        <v>916</v>
      </c>
      <c r="N37" s="42" t="s">
        <v>1151</v>
      </c>
      <c r="O37" s="42" t="s">
        <v>893</v>
      </c>
    </row>
    <row r="38" spans="1:15" ht="16.5" customHeight="1" x14ac:dyDescent="0.3">
      <c r="A38" s="45"/>
      <c r="B38" s="49" t="s">
        <v>1152</v>
      </c>
      <c r="C38" s="15" t="s">
        <v>1153</v>
      </c>
      <c r="D38" s="45">
        <v>1702</v>
      </c>
      <c r="E38" s="45" t="s">
        <v>82</v>
      </c>
      <c r="F38" t="s">
        <v>1154</v>
      </c>
      <c r="G38" t="s">
        <v>1155</v>
      </c>
      <c r="H38" s="45" t="s">
        <v>747</v>
      </c>
      <c r="I38" t="s">
        <v>1156</v>
      </c>
      <c r="J38" t="s">
        <v>1157</v>
      </c>
      <c r="K38" s="45" t="s">
        <v>889</v>
      </c>
      <c r="L38" s="45" t="s">
        <v>1158</v>
      </c>
      <c r="M38" s="45" t="s">
        <v>916</v>
      </c>
      <c r="N38" s="45" t="s">
        <v>1159</v>
      </c>
      <c r="O38" s="45" t="s">
        <v>893</v>
      </c>
    </row>
    <row r="39" spans="1:15" x14ac:dyDescent="0.3">
      <c r="A39" s="42"/>
      <c r="B39" s="42" t="s">
        <v>894</v>
      </c>
      <c r="C39" s="42" t="s">
        <v>1501</v>
      </c>
      <c r="D39" s="42">
        <v>1708</v>
      </c>
      <c r="E39" s="42" t="s">
        <v>82</v>
      </c>
      <c r="F39" s="42" t="s">
        <v>1502</v>
      </c>
      <c r="G39" s="42" t="s">
        <v>1503</v>
      </c>
      <c r="H39" s="42" t="s">
        <v>747</v>
      </c>
      <c r="I39" s="42" t="s">
        <v>1504</v>
      </c>
      <c r="J39" s="42" t="s">
        <v>1505</v>
      </c>
      <c r="K39" s="42" t="s">
        <v>889</v>
      </c>
      <c r="L39" s="42" t="s">
        <v>1506</v>
      </c>
      <c r="M39" s="42" t="s">
        <v>916</v>
      </c>
      <c r="N39" s="42" t="s">
        <v>1507</v>
      </c>
      <c r="O39" s="42" t="s">
        <v>893</v>
      </c>
    </row>
    <row r="40" spans="1:15" ht="16.5" customHeight="1" x14ac:dyDescent="0.3">
      <c r="A40" s="45"/>
      <c r="B40" s="45" t="s">
        <v>1508</v>
      </c>
      <c r="C40" s="15" t="s">
        <v>1509</v>
      </c>
      <c r="D40" s="45">
        <v>1802</v>
      </c>
      <c r="E40" s="45" t="s">
        <v>82</v>
      </c>
      <c r="F40" t="s">
        <v>1510</v>
      </c>
      <c r="G40" s="45" t="s">
        <v>1511</v>
      </c>
      <c r="H40" s="45" t="s">
        <v>747</v>
      </c>
      <c r="I40" t="s">
        <v>1512</v>
      </c>
      <c r="J40" s="45" t="s">
        <v>1513</v>
      </c>
      <c r="K40" s="45" t="s">
        <v>889</v>
      </c>
      <c r="L40" s="45" t="s">
        <v>1514</v>
      </c>
      <c r="M40" s="45" t="s">
        <v>916</v>
      </c>
      <c r="N40" s="45" t="s">
        <v>1515</v>
      </c>
      <c r="O40" s="45" t="s">
        <v>893</v>
      </c>
    </row>
    <row r="41" spans="1:15" x14ac:dyDescent="0.3">
      <c r="A41" s="42"/>
      <c r="B41" s="42" t="s">
        <v>1508</v>
      </c>
      <c r="C41" s="42" t="s">
        <v>1516</v>
      </c>
      <c r="D41" s="42">
        <v>1802</v>
      </c>
      <c r="E41" s="42" t="s">
        <v>82</v>
      </c>
      <c r="F41" s="42" t="s">
        <v>1517</v>
      </c>
      <c r="G41" s="42" t="s">
        <v>1518</v>
      </c>
      <c r="H41" s="42" t="s">
        <v>747</v>
      </c>
      <c r="I41" s="42" t="s">
        <v>1519</v>
      </c>
      <c r="J41" s="42" t="s">
        <v>1520</v>
      </c>
      <c r="K41" s="42" t="s">
        <v>889</v>
      </c>
      <c r="L41" s="42" t="s">
        <v>1521</v>
      </c>
      <c r="M41" s="42" t="s">
        <v>916</v>
      </c>
      <c r="N41" s="42" t="s">
        <v>1522</v>
      </c>
      <c r="O41" s="42" t="s">
        <v>893</v>
      </c>
    </row>
    <row r="42" spans="1:15" ht="16.5" customHeight="1" x14ac:dyDescent="0.3">
      <c r="A42" s="45"/>
      <c r="B42" s="49" t="s">
        <v>1523</v>
      </c>
      <c r="C42" s="15" t="s">
        <v>1524</v>
      </c>
      <c r="D42" s="45">
        <v>1802</v>
      </c>
      <c r="E42" s="45" t="s">
        <v>82</v>
      </c>
      <c r="F42" t="s">
        <v>1525</v>
      </c>
      <c r="G42" t="s">
        <v>1526</v>
      </c>
      <c r="H42" s="45" t="s">
        <v>747</v>
      </c>
      <c r="I42" t="s">
        <v>1527</v>
      </c>
      <c r="J42" t="s">
        <v>1528</v>
      </c>
      <c r="K42" s="45" t="s">
        <v>889</v>
      </c>
      <c r="L42" s="45" t="s">
        <v>1529</v>
      </c>
      <c r="M42" s="45" t="s">
        <v>916</v>
      </c>
      <c r="N42" s="45" t="s">
        <v>1530</v>
      </c>
      <c r="O42" s="45" t="s">
        <v>893</v>
      </c>
    </row>
    <row r="43" spans="1:15" x14ac:dyDescent="0.3">
      <c r="A43" s="42"/>
      <c r="B43" s="42" t="s">
        <v>1531</v>
      </c>
      <c r="C43" s="42" t="s">
        <v>1532</v>
      </c>
      <c r="D43" s="42">
        <v>1802</v>
      </c>
      <c r="E43" s="42" t="s">
        <v>82</v>
      </c>
      <c r="F43" s="42" t="s">
        <v>1533</v>
      </c>
      <c r="G43" s="42" t="s">
        <v>1534</v>
      </c>
      <c r="H43" s="42" t="s">
        <v>747</v>
      </c>
      <c r="I43" s="42" t="s">
        <v>1535</v>
      </c>
      <c r="J43" s="42" t="s">
        <v>1536</v>
      </c>
      <c r="K43" s="42" t="s">
        <v>889</v>
      </c>
      <c r="L43" s="42" t="s">
        <v>1537</v>
      </c>
      <c r="M43" s="42" t="s">
        <v>916</v>
      </c>
      <c r="N43" s="42" t="s">
        <v>1538</v>
      </c>
      <c r="O43" s="42" t="s">
        <v>893</v>
      </c>
    </row>
    <row r="44" spans="1:15" ht="28.8" x14ac:dyDescent="0.3">
      <c r="A44" s="45"/>
      <c r="B44" s="45" t="s">
        <v>1508</v>
      </c>
      <c r="C44" s="15" t="s">
        <v>1619</v>
      </c>
      <c r="D44" s="15">
        <v>1805</v>
      </c>
      <c r="E44" s="45" t="s">
        <v>82</v>
      </c>
      <c r="F44" s="45" t="s">
        <v>1620</v>
      </c>
      <c r="G44" s="45" t="s">
        <v>1621</v>
      </c>
      <c r="H44" s="45" t="s">
        <v>747</v>
      </c>
      <c r="I44" t="s">
        <v>1622</v>
      </c>
      <c r="J44" s="45" t="s">
        <v>1623</v>
      </c>
      <c r="K44" s="45" t="s">
        <v>889</v>
      </c>
      <c r="L44" s="45" t="s">
        <v>1624</v>
      </c>
      <c r="M44" s="45" t="s">
        <v>916</v>
      </c>
      <c r="N44" s="45" t="s">
        <v>1625</v>
      </c>
      <c r="O44" s="45" t="s">
        <v>893</v>
      </c>
    </row>
    <row r="45" spans="1:15" x14ac:dyDescent="0.3">
      <c r="A45" s="42"/>
      <c r="B45" s="42" t="s">
        <v>1508</v>
      </c>
      <c r="C45" s="42" t="s">
        <v>1626</v>
      </c>
      <c r="D45" s="42">
        <v>1805</v>
      </c>
      <c r="E45" s="42" t="s">
        <v>82</v>
      </c>
      <c r="F45" s="42" t="s">
        <v>1627</v>
      </c>
      <c r="G45" s="42" t="s">
        <v>1628</v>
      </c>
      <c r="H45" s="42" t="s">
        <v>747</v>
      </c>
      <c r="I45" s="42" t="s">
        <v>1629</v>
      </c>
      <c r="J45" s="42" t="s">
        <v>1630</v>
      </c>
      <c r="K45" s="42" t="s">
        <v>889</v>
      </c>
      <c r="L45" s="42" t="s">
        <v>1631</v>
      </c>
      <c r="M45" s="42" t="s">
        <v>916</v>
      </c>
      <c r="N45" s="42" t="s">
        <v>1632</v>
      </c>
      <c r="O45" s="42" t="s">
        <v>893</v>
      </c>
    </row>
    <row r="46" spans="1:15" x14ac:dyDescent="0.3">
      <c r="A46" s="45"/>
      <c r="B46" s="45"/>
      <c r="D46" s="45"/>
      <c r="E46" s="45"/>
      <c r="F46" s="66"/>
      <c r="G46" s="45"/>
      <c r="H46" s="45"/>
      <c r="I46" s="66"/>
      <c r="J46" s="45"/>
      <c r="K46" s="45"/>
      <c r="L46" s="45"/>
      <c r="M46" s="45"/>
      <c r="N46" s="45"/>
      <c r="O46" s="45"/>
    </row>
    <row r="47" spans="1:15" x14ac:dyDescent="0.3">
      <c r="A47" s="43" t="s">
        <v>1160</v>
      </c>
      <c r="B47" s="43"/>
      <c r="C47" s="44"/>
      <c r="D47" s="45"/>
      <c r="E47" s="45"/>
      <c r="F47" s="45"/>
      <c r="G47" s="45"/>
      <c r="H47" s="45"/>
      <c r="I47" s="45"/>
      <c r="J47" s="45"/>
      <c r="K47" s="45"/>
      <c r="L47" s="45"/>
      <c r="M47" s="45"/>
      <c r="N47" s="45"/>
      <c r="O47" s="45"/>
    </row>
    <row r="48" spans="1:15" x14ac:dyDescent="0.3">
      <c r="A48" s="42" t="s">
        <v>1161</v>
      </c>
      <c r="B48" s="42" t="s">
        <v>1162</v>
      </c>
      <c r="C48" s="42" t="s">
        <v>1163</v>
      </c>
      <c r="D48" s="42" t="s">
        <v>884</v>
      </c>
      <c r="E48" s="42" t="s">
        <v>747</v>
      </c>
      <c r="F48" s="42" t="s">
        <v>1164</v>
      </c>
      <c r="G48" s="42" t="s">
        <v>1165</v>
      </c>
      <c r="H48" s="42" t="s">
        <v>82</v>
      </c>
      <c r="I48" s="42" t="s">
        <v>1166</v>
      </c>
      <c r="J48" s="42" t="s">
        <v>1167</v>
      </c>
      <c r="K48" s="42" t="s">
        <v>1168</v>
      </c>
      <c r="L48" s="42" t="s">
        <v>1169</v>
      </c>
      <c r="M48" s="42" t="s">
        <v>891</v>
      </c>
      <c r="N48" s="42" t="s">
        <v>1170</v>
      </c>
      <c r="O48" s="42" t="s">
        <v>1171</v>
      </c>
    </row>
    <row r="49" spans="1:15" ht="72" x14ac:dyDescent="0.3">
      <c r="A49" s="45" t="s">
        <v>1172</v>
      </c>
      <c r="B49" s="45" t="s">
        <v>1162</v>
      </c>
      <c r="C49" s="15" t="s">
        <v>1173</v>
      </c>
      <c r="D49" s="15" t="s">
        <v>884</v>
      </c>
      <c r="E49" s="45" t="s">
        <v>747</v>
      </c>
      <c r="F49" s="45" t="s">
        <v>1174</v>
      </c>
      <c r="G49" s="45" t="s">
        <v>1175</v>
      </c>
      <c r="H49" s="45" t="s">
        <v>82</v>
      </c>
      <c r="I49" t="s">
        <v>1176</v>
      </c>
      <c r="J49" s="45" t="s">
        <v>1177</v>
      </c>
      <c r="K49" s="45" t="s">
        <v>1178</v>
      </c>
      <c r="L49" s="45" t="s">
        <v>1179</v>
      </c>
      <c r="M49" s="45" t="s">
        <v>891</v>
      </c>
      <c r="N49" s="45" t="s">
        <v>1180</v>
      </c>
      <c r="O49" s="45" t="s">
        <v>1171</v>
      </c>
    </row>
    <row r="50" spans="1:15" x14ac:dyDescent="0.3">
      <c r="A50" s="42" t="s">
        <v>1181</v>
      </c>
      <c r="B50" s="42" t="s">
        <v>1162</v>
      </c>
      <c r="C50" s="42" t="s">
        <v>1182</v>
      </c>
      <c r="D50" s="42" t="s">
        <v>884</v>
      </c>
      <c r="E50" s="42" t="s">
        <v>82</v>
      </c>
      <c r="F50" s="42" t="s">
        <v>1183</v>
      </c>
      <c r="G50" s="42" t="s">
        <v>20</v>
      </c>
      <c r="H50" s="42" t="s">
        <v>747</v>
      </c>
      <c r="I50" s="42" t="s">
        <v>1184</v>
      </c>
      <c r="J50" s="42" t="s">
        <v>1185</v>
      </c>
      <c r="K50" s="42" t="s">
        <v>1186</v>
      </c>
      <c r="L50" s="42" t="s">
        <v>424</v>
      </c>
      <c r="M50" s="42"/>
      <c r="N50" s="42" t="s">
        <v>1187</v>
      </c>
      <c r="O50" s="42" t="s">
        <v>1188</v>
      </c>
    </row>
    <row r="51" spans="1:15" ht="201.6" x14ac:dyDescent="0.3">
      <c r="A51" s="45" t="s">
        <v>1181</v>
      </c>
      <c r="B51" s="45" t="s">
        <v>1162</v>
      </c>
      <c r="C51" s="15" t="s">
        <v>1189</v>
      </c>
      <c r="D51" s="15" t="s">
        <v>884</v>
      </c>
      <c r="E51" s="45" t="s">
        <v>747</v>
      </c>
      <c r="F51" s="45" t="s">
        <v>1190</v>
      </c>
      <c r="G51" s="45" t="s">
        <v>36</v>
      </c>
      <c r="H51" s="45" t="s">
        <v>82</v>
      </c>
      <c r="I51" t="s">
        <v>1191</v>
      </c>
      <c r="J51" s="45" t="s">
        <v>1192</v>
      </c>
      <c r="K51" s="45" t="s">
        <v>486</v>
      </c>
      <c r="L51" s="45" t="s">
        <v>485</v>
      </c>
      <c r="M51" s="45"/>
      <c r="N51" s="45" t="s">
        <v>1193</v>
      </c>
      <c r="O51" s="45" t="s">
        <v>1171</v>
      </c>
    </row>
    <row r="52" spans="1:15" x14ac:dyDescent="0.3">
      <c r="A52" s="42"/>
      <c r="B52" s="42" t="s">
        <v>1194</v>
      </c>
      <c r="C52" s="42" t="s">
        <v>1195</v>
      </c>
      <c r="D52" s="42">
        <v>1611</v>
      </c>
      <c r="E52" s="42" t="s">
        <v>747</v>
      </c>
      <c r="F52" s="42" t="s">
        <v>1196</v>
      </c>
      <c r="G52" s="42" t="s">
        <v>1197</v>
      </c>
      <c r="H52" s="42" t="s">
        <v>82</v>
      </c>
      <c r="I52" s="42" t="s">
        <v>1198</v>
      </c>
      <c r="J52" s="42" t="s">
        <v>32</v>
      </c>
      <c r="K52" s="42" t="s">
        <v>667</v>
      </c>
      <c r="L52" s="42" t="s">
        <v>342</v>
      </c>
      <c r="M52" s="42"/>
      <c r="N52" s="42" t="s">
        <v>1199</v>
      </c>
      <c r="O52" s="42" t="s">
        <v>1200</v>
      </c>
    </row>
    <row r="53" spans="1:15" x14ac:dyDescent="0.3">
      <c r="B53" t="s">
        <v>1201</v>
      </c>
      <c r="C53" t="s">
        <v>1202</v>
      </c>
      <c r="D53">
        <v>1611</v>
      </c>
      <c r="E53" t="s">
        <v>747</v>
      </c>
      <c r="F53" t="s">
        <v>1203</v>
      </c>
      <c r="G53" t="s">
        <v>1204</v>
      </c>
      <c r="H53" t="s">
        <v>82</v>
      </c>
      <c r="I53" t="s">
        <v>1205</v>
      </c>
      <c r="J53" t="s">
        <v>33</v>
      </c>
      <c r="K53" t="s">
        <v>667</v>
      </c>
      <c r="L53" t="s">
        <v>528</v>
      </c>
      <c r="N53" t="s">
        <v>1206</v>
      </c>
      <c r="O53" t="s">
        <v>1207</v>
      </c>
    </row>
    <row r="54" spans="1:15" x14ac:dyDescent="0.3">
      <c r="A54" s="42"/>
      <c r="B54" s="42"/>
      <c r="C54" s="42" t="s">
        <v>1208</v>
      </c>
      <c r="D54" s="42">
        <v>1611</v>
      </c>
      <c r="E54" s="42" t="s">
        <v>82</v>
      </c>
      <c r="F54" s="42" t="s">
        <v>1209</v>
      </c>
      <c r="G54" s="42" t="s">
        <v>6</v>
      </c>
      <c r="H54" s="42" t="s">
        <v>747</v>
      </c>
      <c r="I54" s="42" t="s">
        <v>1210</v>
      </c>
      <c r="J54" s="42" t="s">
        <v>671</v>
      </c>
      <c r="K54" s="42" t="s">
        <v>667</v>
      </c>
      <c r="L54" s="42" t="s">
        <v>516</v>
      </c>
      <c r="M54" s="42"/>
      <c r="N54" s="42" t="s">
        <v>1211</v>
      </c>
      <c r="O54" s="42" t="s">
        <v>1188</v>
      </c>
    </row>
    <row r="55" spans="1:15" x14ac:dyDescent="0.3">
      <c r="B55" t="s">
        <v>1212</v>
      </c>
      <c r="C55" t="s">
        <v>1213</v>
      </c>
      <c r="D55">
        <v>1611</v>
      </c>
      <c r="E55" t="s">
        <v>82</v>
      </c>
      <c r="F55" t="s">
        <v>1214</v>
      </c>
      <c r="G55" t="s">
        <v>8</v>
      </c>
      <c r="H55" t="s">
        <v>747</v>
      </c>
      <c r="I55" t="s">
        <v>1215</v>
      </c>
      <c r="J55" t="s">
        <v>1216</v>
      </c>
      <c r="K55" t="s">
        <v>644</v>
      </c>
      <c r="L55" t="s">
        <v>517</v>
      </c>
      <c r="N55" t="s">
        <v>1217</v>
      </c>
      <c r="O55" t="s">
        <v>1188</v>
      </c>
    </row>
    <row r="56" spans="1:15" x14ac:dyDescent="0.3">
      <c r="A56" s="42"/>
      <c r="B56" s="42" t="s">
        <v>1218</v>
      </c>
      <c r="C56" s="42" t="s">
        <v>1219</v>
      </c>
      <c r="D56" s="42">
        <v>1611</v>
      </c>
      <c r="E56" s="42" t="s">
        <v>82</v>
      </c>
      <c r="F56" s="42" t="s">
        <v>1220</v>
      </c>
      <c r="G56" s="42" t="s">
        <v>9</v>
      </c>
      <c r="H56" s="42" t="s">
        <v>747</v>
      </c>
      <c r="I56" s="42" t="s">
        <v>1221</v>
      </c>
      <c r="J56" s="42" t="s">
        <v>1222</v>
      </c>
      <c r="K56" s="42" t="s">
        <v>644</v>
      </c>
      <c r="L56" s="42" t="s">
        <v>515</v>
      </c>
      <c r="M56" s="42"/>
      <c r="N56" s="42" t="s">
        <v>1223</v>
      </c>
      <c r="O56" s="42" t="s">
        <v>1188</v>
      </c>
    </row>
    <row r="57" spans="1:15" x14ac:dyDescent="0.3">
      <c r="C57" t="s">
        <v>1224</v>
      </c>
      <c r="D57">
        <v>1611</v>
      </c>
      <c r="E57" t="s">
        <v>747</v>
      </c>
      <c r="F57" t="s">
        <v>1225</v>
      </c>
      <c r="G57" t="s">
        <v>1226</v>
      </c>
      <c r="H57" t="s">
        <v>82</v>
      </c>
      <c r="I57" t="s">
        <v>1227</v>
      </c>
      <c r="J57" t="s">
        <v>31</v>
      </c>
      <c r="K57" t="s">
        <v>644</v>
      </c>
      <c r="L57" t="s">
        <v>809</v>
      </c>
      <c r="N57" t="s">
        <v>1228</v>
      </c>
      <c r="O57" t="s">
        <v>1229</v>
      </c>
    </row>
    <row r="58" spans="1:15" x14ac:dyDescent="0.3">
      <c r="A58" s="42"/>
      <c r="B58" s="42" t="s">
        <v>1230</v>
      </c>
      <c r="C58" s="42" t="s">
        <v>1231</v>
      </c>
      <c r="D58" s="42">
        <v>1702</v>
      </c>
      <c r="E58" s="42" t="s">
        <v>747</v>
      </c>
      <c r="F58" s="42" t="s">
        <v>1232</v>
      </c>
      <c r="G58" s="42" t="s">
        <v>1233</v>
      </c>
      <c r="H58" s="42" t="s">
        <v>82</v>
      </c>
      <c r="I58" s="42" t="s">
        <v>1234</v>
      </c>
      <c r="J58" s="42" t="s">
        <v>817</v>
      </c>
      <c r="K58" s="42" t="s">
        <v>644</v>
      </c>
      <c r="L58" s="42" t="s">
        <v>808</v>
      </c>
      <c r="M58" s="42"/>
      <c r="N58" s="42" t="s">
        <v>1235</v>
      </c>
      <c r="O58" s="42" t="s">
        <v>1236</v>
      </c>
    </row>
    <row r="59" spans="1:15" x14ac:dyDescent="0.3">
      <c r="A59" t="s">
        <v>1539</v>
      </c>
      <c r="C59" t="s">
        <v>1540</v>
      </c>
      <c r="D59">
        <v>1802</v>
      </c>
      <c r="E59" t="s">
        <v>82</v>
      </c>
      <c r="F59" t="s">
        <v>1541</v>
      </c>
      <c r="G59" t="s">
        <v>1542</v>
      </c>
      <c r="H59" t="s">
        <v>747</v>
      </c>
      <c r="I59" t="s">
        <v>1543</v>
      </c>
      <c r="J59" t="s">
        <v>1544</v>
      </c>
      <c r="K59" t="s">
        <v>1545</v>
      </c>
      <c r="L59" t="s">
        <v>1546</v>
      </c>
      <c r="N59" t="s">
        <v>1547</v>
      </c>
      <c r="O59" t="s">
        <v>1188</v>
      </c>
    </row>
    <row r="60" spans="1:15" x14ac:dyDescent="0.3">
      <c r="A60" s="42" t="s">
        <v>1548</v>
      </c>
      <c r="B60" s="42"/>
      <c r="C60" s="42" t="s">
        <v>1549</v>
      </c>
      <c r="D60" s="42">
        <v>1802</v>
      </c>
      <c r="E60" s="42" t="s">
        <v>747</v>
      </c>
      <c r="F60" s="42" t="s">
        <v>1550</v>
      </c>
      <c r="G60" s="42" t="s">
        <v>1551</v>
      </c>
      <c r="H60" s="42" t="s">
        <v>82</v>
      </c>
      <c r="I60" s="42" t="s">
        <v>1552</v>
      </c>
      <c r="J60" s="42" t="s">
        <v>1553</v>
      </c>
      <c r="K60" s="42" t="s">
        <v>1554</v>
      </c>
      <c r="L60" s="42" t="s">
        <v>1555</v>
      </c>
      <c r="M60" s="42"/>
      <c r="N60" s="42" t="s">
        <v>1556</v>
      </c>
      <c r="O60" s="42" t="s">
        <v>1557</v>
      </c>
    </row>
  </sheetData>
  <hyperlinks>
    <hyperlink ref="O4" r:id="rId1" xr:uid="{00000000-0004-0000-0200-000000000000}"/>
    <hyperlink ref="O3" r:id="rId2" xr:uid="{00000000-0004-0000-0200-000001000000}"/>
    <hyperlink ref="O5" r:id="rId3" xr:uid="{00000000-0004-0000-0200-000002000000}"/>
    <hyperlink ref="O6" r:id="rId4" xr:uid="{00000000-0004-0000-0200-000003000000}"/>
    <hyperlink ref="O7:O29" r:id="rId5" display="https://host:port/sap/bc/srt/rfc/sap/&lt;binding endpoint in ERP system&gt;" xr:uid="{00000000-0004-0000-0200-000004000000}"/>
    <hyperlink ref="O49" r:id="rId6" xr:uid="{00000000-0004-0000-0200-000005000000}"/>
    <hyperlink ref="O48" r:id="rId7" xr:uid="{00000000-0004-0000-0200-000006000000}"/>
    <hyperlink ref="O30" r:id="rId8" xr:uid="{00000000-0004-0000-0200-000007000000}"/>
    <hyperlink ref="O31:O33" r:id="rId9" display="https://host:port/sap/bc/srt/rfc/sap/&lt;binding endpoint in ERP system&gt;" xr:uid="{00000000-0004-0000-0200-000008000000}"/>
    <hyperlink ref="O31" r:id="rId10" xr:uid="{00000000-0004-0000-0200-000009000000}"/>
    <hyperlink ref="O34" r:id="rId11" xr:uid="{00000000-0004-0000-0200-00000A000000}"/>
    <hyperlink ref="O51" r:id="rId12" xr:uid="{00000000-0004-0000-0200-00000B000000}"/>
    <hyperlink ref="O36" r:id="rId13" xr:uid="{00000000-0004-0000-0200-00000C000000}"/>
    <hyperlink ref="F52" r:id="rId14" tooltip="CO_BUPA_MDG_REPLIC_OUT - Consumer Proxy CO_BUPA_MDG_REPLIC_OUT" display="javascript:void(0);" xr:uid="{00000000-0004-0000-0200-00000D000000}"/>
    <hyperlink ref="O53" r:id="rId15" xr:uid="{00000000-0004-0000-0200-00000E000000}"/>
    <hyperlink ref="O52" r:id="rId16" xr:uid="{00000000-0004-0000-0200-00000F000000}"/>
    <hyperlink ref="O57" r:id="rId17" xr:uid="{00000000-0004-0000-0200-000010000000}"/>
    <hyperlink ref="O38" r:id="rId18" xr:uid="{00000000-0004-0000-0200-000011000000}"/>
    <hyperlink ref="O58" r:id="rId19" xr:uid="{00000000-0004-0000-0200-000012000000}"/>
    <hyperlink ref="O41" r:id="rId20" xr:uid="{00000000-0004-0000-0200-000013000000}"/>
    <hyperlink ref="O43" r:id="rId21" xr:uid="{00000000-0004-0000-0200-000014000000}"/>
    <hyperlink ref="O45" r:id="rId22" xr:uid="{00000000-0004-0000-0200-000015000000}"/>
  </hyperlinks>
  <pageMargins left="0.7" right="0.7" top="0.75" bottom="0.75" header="0.3" footer="0.3"/>
  <pageSetup paperSize="9" orientation="portrait" r:id="rId2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M50"/>
  <sheetViews>
    <sheetView workbookViewId="0"/>
  </sheetViews>
  <sheetFormatPr defaultRowHeight="14.4" x14ac:dyDescent="0.3"/>
  <cols>
    <col min="1" max="1" width="19.88671875" bestFit="1" customWidth="1"/>
    <col min="2" max="2" width="41.44140625" customWidth="1"/>
    <col min="3" max="3" width="38.109375" customWidth="1"/>
    <col min="6" max="6" width="39.109375" bestFit="1" customWidth="1"/>
    <col min="10" max="10" width="32.33203125" bestFit="1" customWidth="1"/>
    <col min="11" max="11" width="54.6640625" bestFit="1" customWidth="1"/>
    <col min="13" max="13" width="137.6640625" bestFit="1" customWidth="1"/>
  </cols>
  <sheetData>
    <row r="1" spans="1:13" x14ac:dyDescent="0.3">
      <c r="A1" s="43" t="s">
        <v>872</v>
      </c>
      <c r="B1" s="43"/>
      <c r="C1" s="44"/>
      <c r="D1" s="45"/>
      <c r="E1" s="45"/>
      <c r="F1" s="45"/>
      <c r="G1" s="43"/>
      <c r="H1" s="45"/>
      <c r="I1" s="45"/>
      <c r="J1" s="45"/>
      <c r="K1" s="45"/>
      <c r="L1" s="45"/>
      <c r="M1" s="45"/>
    </row>
    <row r="2" spans="1:13" x14ac:dyDescent="0.3">
      <c r="A2" s="46" t="s">
        <v>254</v>
      </c>
      <c r="B2" s="46" t="s">
        <v>873</v>
      </c>
      <c r="C2" s="47" t="s">
        <v>874</v>
      </c>
      <c r="D2" s="41" t="s">
        <v>875</v>
      </c>
      <c r="E2" s="41" t="s">
        <v>876</v>
      </c>
      <c r="F2" s="41" t="s">
        <v>878</v>
      </c>
      <c r="G2" s="41" t="s">
        <v>124</v>
      </c>
      <c r="H2" s="41" t="s">
        <v>142</v>
      </c>
      <c r="I2" s="41" t="s">
        <v>141</v>
      </c>
      <c r="J2" s="68" t="s">
        <v>1633</v>
      </c>
      <c r="K2" s="41" t="s">
        <v>256</v>
      </c>
      <c r="L2" s="41" t="s">
        <v>352</v>
      </c>
      <c r="M2" s="41" t="s">
        <v>353</v>
      </c>
    </row>
    <row r="3" spans="1:13" x14ac:dyDescent="0.3">
      <c r="A3" s="42"/>
      <c r="B3" s="42" t="s">
        <v>894</v>
      </c>
      <c r="C3" s="42" t="s">
        <v>1634</v>
      </c>
      <c r="D3" s="42" t="s">
        <v>903</v>
      </c>
      <c r="E3" s="42" t="s">
        <v>904</v>
      </c>
      <c r="F3" s="42" t="s">
        <v>906</v>
      </c>
      <c r="G3" s="69">
        <v>1709</v>
      </c>
      <c r="H3" s="69" t="s">
        <v>82</v>
      </c>
      <c r="I3" s="69" t="s">
        <v>1635</v>
      </c>
      <c r="J3" s="70" t="s">
        <v>1636</v>
      </c>
      <c r="K3" s="42" t="s">
        <v>889</v>
      </c>
      <c r="L3" s="42" t="s">
        <v>907</v>
      </c>
      <c r="M3" s="42" t="s">
        <v>1637</v>
      </c>
    </row>
    <row r="4" spans="1:13" x14ac:dyDescent="0.3">
      <c r="A4" s="45"/>
      <c r="B4" s="45" t="s">
        <v>909</v>
      </c>
      <c r="C4" s="15" t="s">
        <v>910</v>
      </c>
      <c r="D4" s="45" t="s">
        <v>911</v>
      </c>
      <c r="E4" s="45" t="s">
        <v>912</v>
      </c>
      <c r="F4" s="45" t="s">
        <v>914</v>
      </c>
      <c r="G4" s="71">
        <v>1709</v>
      </c>
      <c r="H4" s="71" t="s">
        <v>82</v>
      </c>
      <c r="I4" s="71" t="s">
        <v>1635</v>
      </c>
      <c r="J4" s="67" t="s">
        <v>1638</v>
      </c>
      <c r="K4" s="45" t="s">
        <v>889</v>
      </c>
      <c r="L4" s="45" t="s">
        <v>915</v>
      </c>
      <c r="M4" t="s">
        <v>1639</v>
      </c>
    </row>
    <row r="5" spans="1:13" x14ac:dyDescent="0.3">
      <c r="A5" s="42"/>
      <c r="B5" s="42" t="s">
        <v>918</v>
      </c>
      <c r="C5" s="42" t="s">
        <v>919</v>
      </c>
      <c r="D5" s="42" t="s">
        <v>920</v>
      </c>
      <c r="E5" s="42" t="s">
        <v>921</v>
      </c>
      <c r="F5" s="42" t="s">
        <v>923</v>
      </c>
      <c r="G5" s="69">
        <v>1709</v>
      </c>
      <c r="H5" s="69" t="s">
        <v>82</v>
      </c>
      <c r="I5" s="69" t="s">
        <v>1635</v>
      </c>
      <c r="J5" s="70" t="s">
        <v>1640</v>
      </c>
      <c r="K5" s="42" t="s">
        <v>889</v>
      </c>
      <c r="L5" s="42" t="s">
        <v>924</v>
      </c>
      <c r="M5" s="42" t="s">
        <v>1641</v>
      </c>
    </row>
    <row r="6" spans="1:13" x14ac:dyDescent="0.3">
      <c r="A6" s="45"/>
      <c r="B6" s="45" t="s">
        <v>926</v>
      </c>
      <c r="C6" s="15" t="s">
        <v>1642</v>
      </c>
      <c r="D6" s="45" t="s">
        <v>928</v>
      </c>
      <c r="E6" s="45" t="s">
        <v>929</v>
      </c>
      <c r="F6" s="45" t="s">
        <v>1643</v>
      </c>
      <c r="G6" s="71">
        <v>1709</v>
      </c>
      <c r="H6" s="71" t="s">
        <v>82</v>
      </c>
      <c r="I6" s="71" t="s">
        <v>1635</v>
      </c>
      <c r="J6" s="67" t="s">
        <v>1644</v>
      </c>
      <c r="K6" s="45" t="s">
        <v>889</v>
      </c>
      <c r="L6" s="45" t="s">
        <v>932</v>
      </c>
      <c r="M6" t="s">
        <v>1645</v>
      </c>
    </row>
    <row r="7" spans="1:13" x14ac:dyDescent="0.3">
      <c r="A7" s="42"/>
      <c r="B7" s="42" t="s">
        <v>934</v>
      </c>
      <c r="C7" s="42" t="s">
        <v>935</v>
      </c>
      <c r="D7" s="42" t="s">
        <v>936</v>
      </c>
      <c r="E7" s="42" t="s">
        <v>937</v>
      </c>
      <c r="F7" s="42" t="s">
        <v>1646</v>
      </c>
      <c r="G7" s="69">
        <v>1709</v>
      </c>
      <c r="H7" s="69" t="s">
        <v>82</v>
      </c>
      <c r="I7" s="69" t="s">
        <v>1635</v>
      </c>
      <c r="J7" s="70" t="s">
        <v>1647</v>
      </c>
      <c r="K7" s="42" t="s">
        <v>889</v>
      </c>
      <c r="L7" s="42" t="s">
        <v>940</v>
      </c>
      <c r="M7" s="42" t="s">
        <v>1648</v>
      </c>
    </row>
    <row r="8" spans="1:13" x14ac:dyDescent="0.3">
      <c r="A8" s="45"/>
      <c r="B8" s="45" t="s">
        <v>934</v>
      </c>
      <c r="C8" s="15" t="s">
        <v>942</v>
      </c>
      <c r="D8" s="45" t="s">
        <v>943</v>
      </c>
      <c r="E8" s="45" t="s">
        <v>944</v>
      </c>
      <c r="F8" s="45" t="s">
        <v>1649</v>
      </c>
      <c r="G8" s="71">
        <v>1709</v>
      </c>
      <c r="H8" s="71" t="s">
        <v>82</v>
      </c>
      <c r="I8" s="71" t="s">
        <v>1635</v>
      </c>
      <c r="J8" s="67" t="s">
        <v>1650</v>
      </c>
      <c r="K8" s="45" t="s">
        <v>889</v>
      </c>
      <c r="L8" s="45" t="s">
        <v>947</v>
      </c>
      <c r="M8" t="s">
        <v>1651</v>
      </c>
    </row>
    <row r="9" spans="1:13" x14ac:dyDescent="0.3">
      <c r="A9" s="42"/>
      <c r="B9" s="42" t="s">
        <v>894</v>
      </c>
      <c r="C9" s="42" t="s">
        <v>949</v>
      </c>
      <c r="D9" s="42" t="s">
        <v>950</v>
      </c>
      <c r="E9" s="42" t="s">
        <v>951</v>
      </c>
      <c r="F9" s="42" t="s">
        <v>953</v>
      </c>
      <c r="G9" s="69">
        <v>1709</v>
      </c>
      <c r="H9" s="69" t="s">
        <v>82</v>
      </c>
      <c r="I9" s="69" t="s">
        <v>1635</v>
      </c>
      <c r="J9" s="70" t="s">
        <v>1652</v>
      </c>
      <c r="K9" s="42" t="s">
        <v>889</v>
      </c>
      <c r="L9" s="42" t="s">
        <v>954</v>
      </c>
      <c r="M9" s="42" t="s">
        <v>1653</v>
      </c>
    </row>
    <row r="10" spans="1:13" x14ac:dyDescent="0.3">
      <c r="A10" s="45"/>
      <c r="B10" s="45" t="s">
        <v>956</v>
      </c>
      <c r="C10" s="15" t="s">
        <v>957</v>
      </c>
      <c r="D10" s="45" t="s">
        <v>958</v>
      </c>
      <c r="E10" s="45" t="s">
        <v>959</v>
      </c>
      <c r="F10" s="45" t="s">
        <v>961</v>
      </c>
      <c r="G10" s="71">
        <v>1709</v>
      </c>
      <c r="H10" s="71" t="s">
        <v>82</v>
      </c>
      <c r="I10" s="71" t="s">
        <v>1635</v>
      </c>
      <c r="J10" s="67" t="s">
        <v>1654</v>
      </c>
      <c r="K10" s="45" t="s">
        <v>889</v>
      </c>
      <c r="L10" s="45" t="s">
        <v>962</v>
      </c>
      <c r="M10" t="s">
        <v>1655</v>
      </c>
    </row>
    <row r="11" spans="1:13" x14ac:dyDescent="0.3">
      <c r="A11" s="42"/>
      <c r="B11" s="42" t="s">
        <v>964</v>
      </c>
      <c r="C11" s="42" t="s">
        <v>1656</v>
      </c>
      <c r="D11" s="42" t="s">
        <v>966</v>
      </c>
      <c r="E11" s="42" t="s">
        <v>967</v>
      </c>
      <c r="F11" s="42" t="s">
        <v>969</v>
      </c>
      <c r="G11" s="69">
        <v>1709</v>
      </c>
      <c r="H11" s="69" t="s">
        <v>82</v>
      </c>
      <c r="I11" s="69" t="s">
        <v>1635</v>
      </c>
      <c r="J11" s="70" t="s">
        <v>1657</v>
      </c>
      <c r="K11" s="42" t="s">
        <v>889</v>
      </c>
      <c r="L11" s="42" t="s">
        <v>970</v>
      </c>
      <c r="M11" s="42" t="s">
        <v>1658</v>
      </c>
    </row>
    <row r="12" spans="1:13" x14ac:dyDescent="0.3">
      <c r="A12" s="45"/>
      <c r="B12" s="45" t="s">
        <v>972</v>
      </c>
      <c r="C12" s="15" t="s">
        <v>1659</v>
      </c>
      <c r="D12" s="45" t="s">
        <v>974</v>
      </c>
      <c r="E12" s="45" t="s">
        <v>975</v>
      </c>
      <c r="F12" s="45" t="s">
        <v>1660</v>
      </c>
      <c r="G12" s="71">
        <v>1709</v>
      </c>
      <c r="H12" s="71" t="s">
        <v>82</v>
      </c>
      <c r="I12" s="71" t="s">
        <v>1635</v>
      </c>
      <c r="J12" s="67" t="s">
        <v>1661</v>
      </c>
      <c r="K12" s="45" t="s">
        <v>889</v>
      </c>
      <c r="L12" s="45" t="s">
        <v>978</v>
      </c>
      <c r="M12" t="s">
        <v>1662</v>
      </c>
    </row>
    <row r="13" spans="1:13" x14ac:dyDescent="0.3">
      <c r="A13" s="42"/>
      <c r="B13" s="42" t="s">
        <v>980</v>
      </c>
      <c r="C13" s="42" t="s">
        <v>981</v>
      </c>
      <c r="D13" s="42" t="s">
        <v>982</v>
      </c>
      <c r="E13" s="42" t="s">
        <v>983</v>
      </c>
      <c r="F13" s="42" t="s">
        <v>985</v>
      </c>
      <c r="G13" s="69">
        <v>1709</v>
      </c>
      <c r="H13" s="69" t="s">
        <v>82</v>
      </c>
      <c r="I13" s="69" t="s">
        <v>1635</v>
      </c>
      <c r="J13" s="70" t="s">
        <v>1663</v>
      </c>
      <c r="K13" s="42" t="s">
        <v>889</v>
      </c>
      <c r="L13" s="42" t="s">
        <v>986</v>
      </c>
      <c r="M13" s="42" t="s">
        <v>1664</v>
      </c>
    </row>
    <row r="14" spans="1:13" x14ac:dyDescent="0.3">
      <c r="A14" s="45"/>
      <c r="B14" s="45" t="s">
        <v>988</v>
      </c>
      <c r="C14" s="15" t="s">
        <v>989</v>
      </c>
      <c r="D14" s="45" t="s">
        <v>990</v>
      </c>
      <c r="E14" s="45" t="s">
        <v>991</v>
      </c>
      <c r="F14" s="45" t="s">
        <v>993</v>
      </c>
      <c r="G14" s="71">
        <v>1709</v>
      </c>
      <c r="H14" s="71" t="s">
        <v>82</v>
      </c>
      <c r="I14" s="71" t="s">
        <v>1635</v>
      </c>
      <c r="J14" s="67" t="s">
        <v>1665</v>
      </c>
      <c r="K14" s="45" t="s">
        <v>889</v>
      </c>
      <c r="L14" s="45" t="s">
        <v>994</v>
      </c>
      <c r="M14" t="s">
        <v>1666</v>
      </c>
    </row>
    <row r="15" spans="1:13" x14ac:dyDescent="0.3">
      <c r="A15" s="42"/>
      <c r="B15" s="42" t="s">
        <v>996</v>
      </c>
      <c r="C15" s="42" t="s">
        <v>997</v>
      </c>
      <c r="D15" s="42" t="s">
        <v>998</v>
      </c>
      <c r="E15" s="42" t="s">
        <v>999</v>
      </c>
      <c r="F15" s="42" t="s">
        <v>1667</v>
      </c>
      <c r="G15" s="69">
        <v>1709</v>
      </c>
      <c r="H15" s="69" t="s">
        <v>82</v>
      </c>
      <c r="I15" s="69" t="s">
        <v>1635</v>
      </c>
      <c r="J15" s="70" t="s">
        <v>1668</v>
      </c>
      <c r="K15" s="42" t="s">
        <v>889</v>
      </c>
      <c r="L15" s="42" t="s">
        <v>1002</v>
      </c>
      <c r="M15" s="42" t="s">
        <v>1669</v>
      </c>
    </row>
    <row r="16" spans="1:13" x14ac:dyDescent="0.3">
      <c r="A16" s="45"/>
      <c r="B16" s="45" t="s">
        <v>882</v>
      </c>
      <c r="C16" s="15" t="s">
        <v>1004</v>
      </c>
      <c r="D16" s="45" t="s">
        <v>1005</v>
      </c>
      <c r="E16" s="45" t="s">
        <v>1006</v>
      </c>
      <c r="F16" s="45" t="s">
        <v>1008</v>
      </c>
      <c r="G16" s="71">
        <v>1709</v>
      </c>
      <c r="H16" s="71" t="s">
        <v>82</v>
      </c>
      <c r="I16" s="71" t="s">
        <v>1635</v>
      </c>
      <c r="J16" s="67" t="s">
        <v>1670</v>
      </c>
      <c r="K16" s="45" t="s">
        <v>889</v>
      </c>
      <c r="L16" s="45" t="s">
        <v>1009</v>
      </c>
      <c r="M16" t="s">
        <v>1671</v>
      </c>
    </row>
    <row r="17" spans="1:13" x14ac:dyDescent="0.3">
      <c r="A17" s="42"/>
      <c r="B17" s="42" t="s">
        <v>988</v>
      </c>
      <c r="C17" s="42" t="s">
        <v>1011</v>
      </c>
      <c r="D17" s="42" t="s">
        <v>1012</v>
      </c>
      <c r="E17" s="42" t="s">
        <v>1013</v>
      </c>
      <c r="F17" s="42" t="s">
        <v>1015</v>
      </c>
      <c r="G17" s="69">
        <v>1709</v>
      </c>
      <c r="H17" s="69" t="s">
        <v>82</v>
      </c>
      <c r="I17" s="69" t="s">
        <v>1635</v>
      </c>
      <c r="J17" s="70" t="s">
        <v>1672</v>
      </c>
      <c r="K17" s="42" t="s">
        <v>889</v>
      </c>
      <c r="L17" s="42" t="s">
        <v>1016</v>
      </c>
      <c r="M17" s="42" t="s">
        <v>1673</v>
      </c>
    </row>
    <row r="18" spans="1:13" x14ac:dyDescent="0.3">
      <c r="A18" s="45"/>
      <c r="B18" s="45" t="s">
        <v>894</v>
      </c>
      <c r="C18" s="15" t="s">
        <v>1018</v>
      </c>
      <c r="D18" s="45" t="s">
        <v>1019</v>
      </c>
      <c r="E18" s="45" t="s">
        <v>1020</v>
      </c>
      <c r="F18" s="45" t="s">
        <v>1022</v>
      </c>
      <c r="G18" s="71">
        <v>1709</v>
      </c>
      <c r="H18" s="71" t="s">
        <v>82</v>
      </c>
      <c r="I18" s="71" t="s">
        <v>1635</v>
      </c>
      <c r="J18" s="67" t="s">
        <v>1674</v>
      </c>
      <c r="K18" s="45" t="s">
        <v>889</v>
      </c>
      <c r="L18" s="45" t="s">
        <v>1023</v>
      </c>
      <c r="M18" t="s">
        <v>1675</v>
      </c>
    </row>
    <row r="19" spans="1:13" x14ac:dyDescent="0.3">
      <c r="A19" s="42"/>
      <c r="B19" s="42" t="s">
        <v>1025</v>
      </c>
      <c r="C19" s="42" t="s">
        <v>1026</v>
      </c>
      <c r="D19" s="42" t="s">
        <v>1027</v>
      </c>
      <c r="E19" s="42" t="s">
        <v>1028</v>
      </c>
      <c r="F19" s="42" t="s">
        <v>1030</v>
      </c>
      <c r="G19" s="69">
        <v>1709</v>
      </c>
      <c r="H19" s="69" t="s">
        <v>82</v>
      </c>
      <c r="I19" s="69" t="s">
        <v>1635</v>
      </c>
      <c r="J19" s="70" t="s">
        <v>1676</v>
      </c>
      <c r="K19" s="42" t="s">
        <v>889</v>
      </c>
      <c r="L19" s="42" t="s">
        <v>1031</v>
      </c>
      <c r="M19" s="42" t="s">
        <v>1677</v>
      </c>
    </row>
    <row r="20" spans="1:13" x14ac:dyDescent="0.3">
      <c r="A20" s="45"/>
      <c r="B20" s="45" t="s">
        <v>1033</v>
      </c>
      <c r="C20" s="15" t="s">
        <v>1034</v>
      </c>
      <c r="D20" s="45" t="s">
        <v>1035</v>
      </c>
      <c r="E20" s="45" t="s">
        <v>1036</v>
      </c>
      <c r="F20" s="45" t="s">
        <v>1038</v>
      </c>
      <c r="G20" s="71">
        <v>1709</v>
      </c>
      <c r="H20" s="71" t="s">
        <v>82</v>
      </c>
      <c r="I20" s="71" t="s">
        <v>1635</v>
      </c>
      <c r="J20" s="67" t="s">
        <v>1678</v>
      </c>
      <c r="K20" s="45" t="s">
        <v>889</v>
      </c>
      <c r="L20" s="45" t="s">
        <v>1039</v>
      </c>
      <c r="M20" t="s">
        <v>1679</v>
      </c>
    </row>
    <row r="21" spans="1:13" x14ac:dyDescent="0.3">
      <c r="A21" s="42"/>
      <c r="B21" s="42" t="s">
        <v>1033</v>
      </c>
      <c r="C21" s="42" t="s">
        <v>1041</v>
      </c>
      <c r="D21" s="42" t="s">
        <v>1042</v>
      </c>
      <c r="E21" s="42" t="s">
        <v>1043</v>
      </c>
      <c r="F21" s="42" t="s">
        <v>1045</v>
      </c>
      <c r="G21" s="69">
        <v>1709</v>
      </c>
      <c r="H21" s="69" t="s">
        <v>82</v>
      </c>
      <c r="I21" s="69" t="s">
        <v>1635</v>
      </c>
      <c r="J21" s="70" t="s">
        <v>1680</v>
      </c>
      <c r="K21" s="42" t="s">
        <v>889</v>
      </c>
      <c r="L21" s="42" t="s">
        <v>1046</v>
      </c>
      <c r="M21" s="42" t="s">
        <v>1681</v>
      </c>
    </row>
    <row r="22" spans="1:13" x14ac:dyDescent="0.3">
      <c r="A22" s="45"/>
      <c r="B22" s="45" t="s">
        <v>1025</v>
      </c>
      <c r="C22" s="15"/>
      <c r="D22" s="45" t="s">
        <v>1048</v>
      </c>
      <c r="E22" s="45" t="s">
        <v>1049</v>
      </c>
      <c r="F22" s="45" t="s">
        <v>1051</v>
      </c>
      <c r="G22" s="71">
        <v>1709</v>
      </c>
      <c r="H22" s="71" t="s">
        <v>82</v>
      </c>
      <c r="I22" s="71" t="s">
        <v>1635</v>
      </c>
      <c r="J22" s="67" t="s">
        <v>1682</v>
      </c>
      <c r="K22" s="45" t="s">
        <v>889</v>
      </c>
      <c r="L22" s="45" t="s">
        <v>1052</v>
      </c>
      <c r="M22" t="s">
        <v>1683</v>
      </c>
    </row>
    <row r="23" spans="1:13" x14ac:dyDescent="0.3">
      <c r="A23" s="42"/>
      <c r="B23" s="42" t="s">
        <v>1054</v>
      </c>
      <c r="C23" s="42" t="s">
        <v>997</v>
      </c>
      <c r="D23" s="42" t="s">
        <v>1055</v>
      </c>
      <c r="E23" s="42" t="s">
        <v>1056</v>
      </c>
      <c r="F23" s="42" t="s">
        <v>1057</v>
      </c>
      <c r="G23" s="69">
        <v>1709</v>
      </c>
      <c r="H23" s="69" t="s">
        <v>82</v>
      </c>
      <c r="I23" s="69" t="s">
        <v>1635</v>
      </c>
      <c r="J23" s="70" t="s">
        <v>1684</v>
      </c>
      <c r="K23" s="42" t="s">
        <v>889</v>
      </c>
      <c r="L23" s="42" t="s">
        <v>1058</v>
      </c>
      <c r="M23" s="42" t="s">
        <v>1685</v>
      </c>
    </row>
    <row r="24" spans="1:13" x14ac:dyDescent="0.3">
      <c r="A24" s="45"/>
      <c r="B24" s="45" t="s">
        <v>894</v>
      </c>
      <c r="C24" s="15" t="s">
        <v>1060</v>
      </c>
      <c r="D24" s="45" t="s">
        <v>1061</v>
      </c>
      <c r="E24" s="45" t="s">
        <v>1062</v>
      </c>
      <c r="F24" s="45" t="s">
        <v>1064</v>
      </c>
      <c r="G24" s="71">
        <v>1709</v>
      </c>
      <c r="H24" s="71" t="s">
        <v>82</v>
      </c>
      <c r="I24" s="71" t="s">
        <v>1635</v>
      </c>
      <c r="J24" s="67" t="s">
        <v>1686</v>
      </c>
      <c r="K24" s="45" t="s">
        <v>889</v>
      </c>
      <c r="L24" s="45" t="s">
        <v>1065</v>
      </c>
      <c r="M24" t="s">
        <v>1687</v>
      </c>
    </row>
    <row r="25" spans="1:13" x14ac:dyDescent="0.3">
      <c r="A25" s="42"/>
      <c r="B25" s="42" t="s">
        <v>894</v>
      </c>
      <c r="C25" s="42" t="s">
        <v>1067</v>
      </c>
      <c r="D25" s="42" t="s">
        <v>1068</v>
      </c>
      <c r="E25" s="42" t="s">
        <v>1069</v>
      </c>
      <c r="F25" s="42" t="s">
        <v>1071</v>
      </c>
      <c r="G25" s="69">
        <v>1709</v>
      </c>
      <c r="H25" s="69" t="s">
        <v>82</v>
      </c>
      <c r="I25" s="69" t="s">
        <v>1635</v>
      </c>
      <c r="J25" s="70" t="s">
        <v>1688</v>
      </c>
      <c r="K25" s="42" t="s">
        <v>889</v>
      </c>
      <c r="L25" s="42" t="s">
        <v>1072</v>
      </c>
      <c r="M25" s="42" t="s">
        <v>1689</v>
      </c>
    </row>
    <row r="26" spans="1:13" x14ac:dyDescent="0.3">
      <c r="A26" s="45"/>
      <c r="B26" s="45" t="s">
        <v>1033</v>
      </c>
      <c r="C26" s="15" t="s">
        <v>1074</v>
      </c>
      <c r="D26" s="45" t="s">
        <v>1075</v>
      </c>
      <c r="E26" s="45" t="s">
        <v>1076</v>
      </c>
      <c r="F26" s="45" t="s">
        <v>1078</v>
      </c>
      <c r="G26" s="71">
        <v>1709</v>
      </c>
      <c r="H26" s="71" t="s">
        <v>82</v>
      </c>
      <c r="I26" s="71" t="s">
        <v>1635</v>
      </c>
      <c r="J26" s="67" t="s">
        <v>1690</v>
      </c>
      <c r="K26" s="45" t="s">
        <v>889</v>
      </c>
      <c r="L26" s="45" t="s">
        <v>1079</v>
      </c>
      <c r="M26" t="s">
        <v>1691</v>
      </c>
    </row>
    <row r="27" spans="1:13" x14ac:dyDescent="0.3">
      <c r="A27" s="42"/>
      <c r="B27" s="42" t="s">
        <v>1081</v>
      </c>
      <c r="C27" s="42" t="s">
        <v>1692</v>
      </c>
      <c r="D27" s="42" t="s">
        <v>1083</v>
      </c>
      <c r="E27" s="42" t="s">
        <v>1084</v>
      </c>
      <c r="F27" s="42" t="s">
        <v>1086</v>
      </c>
      <c r="G27" s="69">
        <v>1709</v>
      </c>
      <c r="H27" s="69" t="s">
        <v>82</v>
      </c>
      <c r="I27" s="69" t="s">
        <v>1635</v>
      </c>
      <c r="J27" s="70" t="s">
        <v>1693</v>
      </c>
      <c r="K27" s="42" t="s">
        <v>1087</v>
      </c>
      <c r="L27" s="42" t="s">
        <v>1088</v>
      </c>
      <c r="M27" s="42" t="s">
        <v>1694</v>
      </c>
    </row>
    <row r="28" spans="1:13" x14ac:dyDescent="0.3">
      <c r="A28" s="45"/>
      <c r="B28" s="45" t="s">
        <v>934</v>
      </c>
      <c r="C28" s="15" t="s">
        <v>1090</v>
      </c>
      <c r="D28" s="45" t="s">
        <v>1091</v>
      </c>
      <c r="E28" s="45" t="s">
        <v>1092</v>
      </c>
      <c r="F28" s="45" t="s">
        <v>1094</v>
      </c>
      <c r="G28" s="71">
        <v>1709</v>
      </c>
      <c r="H28" s="71" t="s">
        <v>82</v>
      </c>
      <c r="I28" s="71" t="s">
        <v>1635</v>
      </c>
      <c r="J28" s="67" t="s">
        <v>1695</v>
      </c>
      <c r="K28" s="45" t="s">
        <v>889</v>
      </c>
      <c r="L28" s="45" t="s">
        <v>1095</v>
      </c>
      <c r="M28" t="s">
        <v>1696</v>
      </c>
    </row>
    <row r="29" spans="1:13" x14ac:dyDescent="0.3">
      <c r="A29" s="42"/>
      <c r="B29" s="42" t="s">
        <v>1097</v>
      </c>
      <c r="C29" s="42" t="s">
        <v>1697</v>
      </c>
      <c r="D29" s="42" t="s">
        <v>1099</v>
      </c>
      <c r="E29" s="42" t="s">
        <v>1100</v>
      </c>
      <c r="F29" s="42" t="s">
        <v>1102</v>
      </c>
      <c r="G29" s="69">
        <v>1709</v>
      </c>
      <c r="H29" s="69" t="s">
        <v>82</v>
      </c>
      <c r="I29" s="69" t="s">
        <v>1635</v>
      </c>
      <c r="J29" s="70" t="s">
        <v>1698</v>
      </c>
      <c r="K29" s="42" t="s">
        <v>889</v>
      </c>
      <c r="L29" s="42" t="s">
        <v>1103</v>
      </c>
      <c r="M29" s="42" t="s">
        <v>1699</v>
      </c>
    </row>
    <row r="30" spans="1:13" x14ac:dyDescent="0.3">
      <c r="A30" s="45"/>
      <c r="B30" s="45" t="s">
        <v>1105</v>
      </c>
      <c r="C30" s="15" t="s">
        <v>1700</v>
      </c>
      <c r="D30" s="45" t="s">
        <v>1107</v>
      </c>
      <c r="E30" s="45" t="s">
        <v>1108</v>
      </c>
      <c r="F30" s="45" t="s">
        <v>1110</v>
      </c>
      <c r="G30" s="71">
        <v>1709</v>
      </c>
      <c r="H30" s="71" t="s">
        <v>82</v>
      </c>
      <c r="I30" s="71" t="s">
        <v>1635</v>
      </c>
      <c r="J30" s="67" t="s">
        <v>1701</v>
      </c>
      <c r="K30" s="45" t="s">
        <v>889</v>
      </c>
      <c r="L30" s="45" t="s">
        <v>1111</v>
      </c>
      <c r="M30" t="s">
        <v>1702</v>
      </c>
    </row>
    <row r="31" spans="1:13" x14ac:dyDescent="0.3">
      <c r="A31" s="42"/>
      <c r="B31" s="42" t="s">
        <v>1113</v>
      </c>
      <c r="C31" s="42" t="s">
        <v>1114</v>
      </c>
      <c r="D31" s="42" t="s">
        <v>1115</v>
      </c>
      <c r="E31" s="42" t="s">
        <v>1116</v>
      </c>
      <c r="F31" s="42" t="s">
        <v>1118</v>
      </c>
      <c r="G31" s="69">
        <v>1709</v>
      </c>
      <c r="H31" s="69" t="s">
        <v>82</v>
      </c>
      <c r="I31" s="69" t="s">
        <v>1635</v>
      </c>
      <c r="J31" s="70" t="s">
        <v>1703</v>
      </c>
      <c r="K31" s="42" t="s">
        <v>889</v>
      </c>
      <c r="L31" s="42" t="s">
        <v>1119</v>
      </c>
      <c r="M31" s="42" t="s">
        <v>1704</v>
      </c>
    </row>
    <row r="32" spans="1:13" x14ac:dyDescent="0.3">
      <c r="A32" s="45"/>
      <c r="B32" s="45" t="s">
        <v>1105</v>
      </c>
      <c r="C32" s="15" t="s">
        <v>1121</v>
      </c>
      <c r="D32" s="45" t="s">
        <v>1122</v>
      </c>
      <c r="E32" s="45" t="s">
        <v>1123</v>
      </c>
      <c r="F32" s="45" t="s">
        <v>1125</v>
      </c>
      <c r="G32" s="71">
        <v>1709</v>
      </c>
      <c r="H32" s="71" t="s">
        <v>82</v>
      </c>
      <c r="I32" s="71" t="s">
        <v>1635</v>
      </c>
      <c r="J32" s="67" t="s">
        <v>1705</v>
      </c>
      <c r="K32" s="45" t="s">
        <v>889</v>
      </c>
      <c r="L32" s="45" t="s">
        <v>1126</v>
      </c>
      <c r="M32" t="s">
        <v>1706</v>
      </c>
    </row>
    <row r="33" spans="1:13" x14ac:dyDescent="0.3">
      <c r="A33" s="42"/>
      <c r="B33" s="42" t="s">
        <v>1128</v>
      </c>
      <c r="C33" s="42" t="s">
        <v>1129</v>
      </c>
      <c r="D33" s="42" t="s">
        <v>1130</v>
      </c>
      <c r="E33" s="42" t="s">
        <v>1131</v>
      </c>
      <c r="F33" s="42" t="s">
        <v>1133</v>
      </c>
      <c r="G33" s="69">
        <v>1709</v>
      </c>
      <c r="H33" s="69" t="s">
        <v>82</v>
      </c>
      <c r="I33" s="69" t="s">
        <v>1635</v>
      </c>
      <c r="J33" s="70" t="s">
        <v>1707</v>
      </c>
      <c r="K33" s="42" t="s">
        <v>889</v>
      </c>
      <c r="L33" s="42" t="s">
        <v>1134</v>
      </c>
      <c r="M33" s="42" t="s">
        <v>1708</v>
      </c>
    </row>
    <row r="34" spans="1:13" ht="28.8" x14ac:dyDescent="0.3">
      <c r="A34" s="45"/>
      <c r="B34" s="45" t="s">
        <v>1136</v>
      </c>
      <c r="C34" s="15" t="s">
        <v>1137</v>
      </c>
      <c r="D34" t="s">
        <v>1138</v>
      </c>
      <c r="E34" s="45" t="s">
        <v>1139</v>
      </c>
      <c r="F34" s="45" t="s">
        <v>1141</v>
      </c>
      <c r="G34" s="71">
        <v>1709</v>
      </c>
      <c r="H34" s="71" t="s">
        <v>82</v>
      </c>
      <c r="I34" s="71" t="s">
        <v>1635</v>
      </c>
      <c r="J34" s="67" t="s">
        <v>1709</v>
      </c>
      <c r="K34" s="45" t="s">
        <v>889</v>
      </c>
      <c r="L34" s="45" t="s">
        <v>1142</v>
      </c>
      <c r="M34" t="s">
        <v>1710</v>
      </c>
    </row>
    <row r="35" spans="1:13" x14ac:dyDescent="0.3">
      <c r="A35" s="42"/>
      <c r="B35" s="42" t="s">
        <v>1144</v>
      </c>
      <c r="C35" s="42" t="s">
        <v>1711</v>
      </c>
      <c r="D35" s="42" t="s">
        <v>1146</v>
      </c>
      <c r="E35" s="42" t="s">
        <v>1147</v>
      </c>
      <c r="F35" s="42" t="s">
        <v>1149</v>
      </c>
      <c r="G35" s="69">
        <v>1709</v>
      </c>
      <c r="H35" s="69" t="s">
        <v>82</v>
      </c>
      <c r="I35" s="69" t="s">
        <v>1635</v>
      </c>
      <c r="J35" s="70" t="s">
        <v>1712</v>
      </c>
      <c r="K35" s="42" t="s">
        <v>889</v>
      </c>
      <c r="L35" s="42" t="s">
        <v>1150</v>
      </c>
      <c r="M35" s="42" t="s">
        <v>1713</v>
      </c>
    </row>
    <row r="36" spans="1:13" ht="28.8" x14ac:dyDescent="0.3">
      <c r="A36" s="45"/>
      <c r="B36" s="49" t="s">
        <v>1152</v>
      </c>
      <c r="C36" s="15" t="s">
        <v>1153</v>
      </c>
      <c r="D36" t="s">
        <v>1154</v>
      </c>
      <c r="E36" t="s">
        <v>1155</v>
      </c>
      <c r="F36" t="s">
        <v>1157</v>
      </c>
      <c r="G36" s="71">
        <v>1709</v>
      </c>
      <c r="H36" s="71" t="s">
        <v>82</v>
      </c>
      <c r="I36" s="71" t="s">
        <v>1635</v>
      </c>
      <c r="J36" s="67" t="s">
        <v>1714</v>
      </c>
      <c r="K36" s="45" t="s">
        <v>889</v>
      </c>
      <c r="L36" s="45" t="s">
        <v>1158</v>
      </c>
      <c r="M36" t="s">
        <v>1715</v>
      </c>
    </row>
    <row r="37" spans="1:13" x14ac:dyDescent="0.3">
      <c r="A37" s="42"/>
      <c r="B37" s="42" t="s">
        <v>894</v>
      </c>
      <c r="C37" s="42" t="s">
        <v>1501</v>
      </c>
      <c r="D37" s="42" t="s">
        <v>1502</v>
      </c>
      <c r="E37" s="42" t="s">
        <v>1503</v>
      </c>
      <c r="F37" s="42" t="s">
        <v>1505</v>
      </c>
      <c r="G37" s="69">
        <v>1802</v>
      </c>
      <c r="H37" s="69" t="s">
        <v>82</v>
      </c>
      <c r="I37" s="69" t="s">
        <v>1635</v>
      </c>
      <c r="J37" s="42" t="s">
        <v>1716</v>
      </c>
      <c r="K37" s="42" t="s">
        <v>889</v>
      </c>
      <c r="L37" s="42" t="s">
        <v>1506</v>
      </c>
      <c r="M37" s="42" t="s">
        <v>1683</v>
      </c>
    </row>
    <row r="38" spans="1:13" x14ac:dyDescent="0.3">
      <c r="A38" s="45"/>
      <c r="B38" s="45" t="s">
        <v>1508</v>
      </c>
      <c r="C38" s="45" t="s">
        <v>1509</v>
      </c>
      <c r="D38" t="s">
        <v>1510</v>
      </c>
      <c r="E38" s="45" t="s">
        <v>1511</v>
      </c>
      <c r="F38" s="45" t="s">
        <v>1513</v>
      </c>
      <c r="G38" s="71">
        <v>1802</v>
      </c>
      <c r="H38" s="71" t="s">
        <v>82</v>
      </c>
      <c r="I38" s="71" t="s">
        <v>1635</v>
      </c>
      <c r="J38" t="s">
        <v>1717</v>
      </c>
      <c r="K38" s="45" t="s">
        <v>889</v>
      </c>
      <c r="L38" s="45" t="s">
        <v>1514</v>
      </c>
      <c r="M38" s="45" t="s">
        <v>1683</v>
      </c>
    </row>
    <row r="39" spans="1:13" x14ac:dyDescent="0.3">
      <c r="A39" s="42"/>
      <c r="B39" s="42" t="s">
        <v>1523</v>
      </c>
      <c r="C39" s="42" t="s">
        <v>1524</v>
      </c>
      <c r="D39" s="42" t="s">
        <v>1525</v>
      </c>
      <c r="E39" s="42" t="s">
        <v>1526</v>
      </c>
      <c r="F39" s="42" t="s">
        <v>1528</v>
      </c>
      <c r="G39" s="69">
        <v>1802</v>
      </c>
      <c r="H39" s="69" t="s">
        <v>82</v>
      </c>
      <c r="I39" s="69" t="s">
        <v>1635</v>
      </c>
      <c r="J39" s="42" t="s">
        <v>1718</v>
      </c>
      <c r="K39" s="42" t="s">
        <v>889</v>
      </c>
      <c r="L39" s="42" t="s">
        <v>1529</v>
      </c>
      <c r="M39" s="42" t="s">
        <v>1719</v>
      </c>
    </row>
    <row r="40" spans="1:13" ht="15" x14ac:dyDescent="0.3">
      <c r="A40" s="45"/>
      <c r="B40" s="49" t="s">
        <v>1531</v>
      </c>
      <c r="C40" s="45" t="s">
        <v>1532</v>
      </c>
      <c r="D40" t="s">
        <v>1533</v>
      </c>
      <c r="E40" t="s">
        <v>1534</v>
      </c>
      <c r="F40" t="s">
        <v>1536</v>
      </c>
      <c r="G40" s="71">
        <v>1802</v>
      </c>
      <c r="H40" s="71" t="s">
        <v>82</v>
      </c>
      <c r="I40" s="71" t="s">
        <v>1635</v>
      </c>
      <c r="J40" s="67" t="s">
        <v>1720</v>
      </c>
      <c r="K40" s="45" t="s">
        <v>889</v>
      </c>
      <c r="L40" s="45" t="s">
        <v>1537</v>
      </c>
      <c r="M40" t="s">
        <v>1721</v>
      </c>
    </row>
    <row r="41" spans="1:13" x14ac:dyDescent="0.3">
      <c r="A41" s="42"/>
      <c r="B41" s="42" t="s">
        <v>1508</v>
      </c>
      <c r="C41" s="42" t="s">
        <v>1619</v>
      </c>
      <c r="D41" s="42" t="s">
        <v>1620</v>
      </c>
      <c r="E41" s="42" t="s">
        <v>1621</v>
      </c>
      <c r="F41" s="42" t="s">
        <v>1623</v>
      </c>
      <c r="G41" s="69">
        <v>1805</v>
      </c>
      <c r="H41" s="69" t="s">
        <v>82</v>
      </c>
      <c r="I41" s="69" t="s">
        <v>1635</v>
      </c>
      <c r="J41" s="42" t="s">
        <v>1722</v>
      </c>
      <c r="K41" s="42" t="s">
        <v>889</v>
      </c>
      <c r="L41" s="42" t="s">
        <v>1624</v>
      </c>
      <c r="M41" s="42" t="s">
        <v>1723</v>
      </c>
    </row>
    <row r="42" spans="1:13" ht="16.8" x14ac:dyDescent="0.3">
      <c r="A42" s="72"/>
      <c r="B42" s="73" t="s">
        <v>1508</v>
      </c>
      <c r="C42" s="72" t="s">
        <v>1626</v>
      </c>
      <c r="D42" s="10" t="s">
        <v>1627</v>
      </c>
      <c r="E42" s="10" t="s">
        <v>1628</v>
      </c>
      <c r="F42" s="10" t="s">
        <v>1630</v>
      </c>
      <c r="G42" s="74">
        <v>1805</v>
      </c>
      <c r="H42" s="74" t="s">
        <v>82</v>
      </c>
      <c r="I42" s="74" t="s">
        <v>1635</v>
      </c>
      <c r="J42" s="75" t="s">
        <v>1724</v>
      </c>
      <c r="K42" s="72" t="s">
        <v>889</v>
      </c>
      <c r="L42" s="72" t="s">
        <v>1631</v>
      </c>
      <c r="M42" s="10" t="s">
        <v>1725</v>
      </c>
    </row>
    <row r="44" spans="1:13" x14ac:dyDescent="0.3">
      <c r="A44" s="43" t="s">
        <v>1160</v>
      </c>
      <c r="B44" s="43"/>
      <c r="C44" s="44"/>
      <c r="D44" s="45"/>
      <c r="E44" s="45"/>
      <c r="F44" s="45"/>
      <c r="G44" s="71"/>
      <c r="H44" s="45"/>
      <c r="I44" s="45"/>
      <c r="J44" s="67"/>
      <c r="K44" s="45"/>
      <c r="L44" s="45"/>
      <c r="M44" s="45"/>
    </row>
    <row r="45" spans="1:13" x14ac:dyDescent="0.3">
      <c r="A45" s="42" t="s">
        <v>1161</v>
      </c>
      <c r="B45" s="42" t="s">
        <v>1726</v>
      </c>
      <c r="C45" s="42" t="s">
        <v>1163</v>
      </c>
      <c r="D45" s="42" t="s">
        <v>1164</v>
      </c>
      <c r="E45" s="42" t="s">
        <v>1165</v>
      </c>
      <c r="F45" s="42" t="s">
        <v>1167</v>
      </c>
      <c r="G45" s="69">
        <v>1709</v>
      </c>
      <c r="H45" s="69" t="s">
        <v>1635</v>
      </c>
      <c r="I45" s="69" t="s">
        <v>82</v>
      </c>
      <c r="J45" s="70" t="s">
        <v>1727</v>
      </c>
      <c r="K45" s="42" t="s">
        <v>1168</v>
      </c>
      <c r="L45" s="42" t="s">
        <v>1169</v>
      </c>
      <c r="M45" s="42" t="s">
        <v>1728</v>
      </c>
    </row>
    <row r="46" spans="1:13" x14ac:dyDescent="0.3">
      <c r="A46" s="45" t="s">
        <v>1172</v>
      </c>
      <c r="B46" s="45" t="s">
        <v>1726</v>
      </c>
      <c r="C46" s="45" t="s">
        <v>1173</v>
      </c>
      <c r="D46" s="45" t="s">
        <v>1729</v>
      </c>
      <c r="E46" s="45" t="s">
        <v>1730</v>
      </c>
      <c r="F46" s="45" t="s">
        <v>1177</v>
      </c>
      <c r="G46" s="71">
        <v>1709</v>
      </c>
      <c r="H46" s="71" t="s">
        <v>1635</v>
      </c>
      <c r="I46" s="71" t="s">
        <v>82</v>
      </c>
      <c r="J46" s="67" t="s">
        <v>1731</v>
      </c>
      <c r="K46" s="45" t="s">
        <v>1178</v>
      </c>
      <c r="L46" s="45" t="s">
        <v>1732</v>
      </c>
      <c r="M46" s="45" t="s">
        <v>1733</v>
      </c>
    </row>
    <row r="47" spans="1:13" x14ac:dyDescent="0.3">
      <c r="A47" s="42" t="s">
        <v>1181</v>
      </c>
      <c r="B47" s="42"/>
      <c r="C47" s="42" t="s">
        <v>1734</v>
      </c>
      <c r="D47" s="42" t="s">
        <v>1183</v>
      </c>
      <c r="E47" s="42" t="s">
        <v>20</v>
      </c>
      <c r="F47" s="42" t="s">
        <v>1185</v>
      </c>
      <c r="G47" s="69">
        <v>1709</v>
      </c>
      <c r="H47" s="69" t="s">
        <v>82</v>
      </c>
      <c r="I47" s="69" t="s">
        <v>1635</v>
      </c>
      <c r="J47" s="70" t="s">
        <v>1184</v>
      </c>
      <c r="K47" s="42" t="s">
        <v>1186</v>
      </c>
      <c r="L47" s="42" t="s">
        <v>424</v>
      </c>
      <c r="M47" s="42" t="s">
        <v>1735</v>
      </c>
    </row>
    <row r="48" spans="1:13" x14ac:dyDescent="0.3">
      <c r="A48" s="45" t="s">
        <v>1181</v>
      </c>
      <c r="B48" s="45"/>
      <c r="C48" s="45" t="s">
        <v>1189</v>
      </c>
      <c r="D48" s="45" t="s">
        <v>1190</v>
      </c>
      <c r="E48" s="45" t="s">
        <v>36</v>
      </c>
      <c r="F48" s="45" t="s">
        <v>1192</v>
      </c>
      <c r="G48" s="71">
        <v>1709</v>
      </c>
      <c r="H48" s="71" t="s">
        <v>1635</v>
      </c>
      <c r="I48" s="71" t="s">
        <v>82</v>
      </c>
      <c r="J48" s="67" t="s">
        <v>1736</v>
      </c>
      <c r="K48" s="45" t="s">
        <v>486</v>
      </c>
      <c r="L48" s="45" t="s">
        <v>485</v>
      </c>
      <c r="M48" s="45" t="s">
        <v>1737</v>
      </c>
    </row>
    <row r="49" spans="1:13" x14ac:dyDescent="0.3">
      <c r="A49" s="42" t="s">
        <v>1539</v>
      </c>
      <c r="B49" s="42"/>
      <c r="C49" s="42" t="s">
        <v>1540</v>
      </c>
      <c r="D49" s="42" t="s">
        <v>1541</v>
      </c>
      <c r="E49" s="42" t="s">
        <v>1542</v>
      </c>
      <c r="F49" s="42" t="s">
        <v>1544</v>
      </c>
      <c r="G49" s="69">
        <v>1805</v>
      </c>
      <c r="H49" s="69" t="s">
        <v>82</v>
      </c>
      <c r="I49" s="69" t="s">
        <v>1635</v>
      </c>
      <c r="J49" s="70" t="s">
        <v>1738</v>
      </c>
      <c r="K49" s="42" t="s">
        <v>1545</v>
      </c>
      <c r="L49" s="42" t="s">
        <v>1546</v>
      </c>
      <c r="M49" s="42" t="s">
        <v>1188</v>
      </c>
    </row>
    <row r="50" spans="1:13" x14ac:dyDescent="0.3">
      <c r="A50" s="72" t="s">
        <v>1548</v>
      </c>
      <c r="B50" s="72"/>
      <c r="C50" s="72" t="s">
        <v>1549</v>
      </c>
      <c r="D50" s="72" t="s">
        <v>1550</v>
      </c>
      <c r="E50" s="72" t="s">
        <v>1551</v>
      </c>
      <c r="F50" s="72" t="s">
        <v>1553</v>
      </c>
      <c r="G50" s="74">
        <v>1805</v>
      </c>
      <c r="H50" s="74" t="s">
        <v>1635</v>
      </c>
      <c r="I50" s="74" t="s">
        <v>82</v>
      </c>
      <c r="J50" s="75" t="s">
        <v>1739</v>
      </c>
      <c r="K50" s="72" t="s">
        <v>1554</v>
      </c>
      <c r="L50" s="72" t="s">
        <v>1555</v>
      </c>
      <c r="M50" s="72" t="s">
        <v>1557</v>
      </c>
    </row>
  </sheetData>
  <hyperlinks>
    <hyperlink ref="M3" r:id="rId1" display="http://ldciemt.wdf.sap.corp:44322/sap/bc/srt/rfc/sap/isu_c4c_bico_rebill/350/utilities_billcorrectionrebill_i/utilities_billcorrectionrebill" xr:uid="{00000000-0004-0000-0300-000000000000}"/>
    <hyperlink ref="M10" r:id="rId2" display="http://ldciqet.wdf.sap.corp:44300/sap/bc/srt/rfc/sap/isu_c4c_get_billing_ovw/350/isu_c4c_get_billing_ovw/utilities_billing_overview" xr:uid="{00000000-0004-0000-0300-000001000000}"/>
    <hyperlink ref="M37" r:id="rId3" xr:uid="{00000000-0004-0000-0300-000002000000}"/>
    <hyperlink ref="M22" r:id="rId4" xr:uid="{00000000-0004-0000-0300-000003000000}"/>
  </hyperlinks>
  <pageMargins left="0.7" right="0.7" top="0.75" bottom="0.75" header="0.3" footer="0.3"/>
  <pageSetup paperSize="9" orientation="portrait" r:id="rId5"/>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3"/>
  <dimension ref="A1:G105"/>
  <sheetViews>
    <sheetView topLeftCell="A34" workbookViewId="0">
      <selection activeCell="E1" sqref="E1:E65536"/>
    </sheetView>
  </sheetViews>
  <sheetFormatPr defaultRowHeight="14.4" x14ac:dyDescent="0.3"/>
  <cols>
    <col min="1" max="1" width="9.33203125" style="10" bestFit="1" customWidth="1"/>
    <col min="2" max="2" width="65" style="10" bestFit="1" customWidth="1"/>
    <col min="3" max="3" width="14.5546875" style="10" bestFit="1" customWidth="1"/>
    <col min="4" max="4" width="10.6640625" style="10" bestFit="1" customWidth="1"/>
    <col min="5" max="5" width="13.109375" style="10" bestFit="1" customWidth="1"/>
    <col min="6" max="6" width="12.5546875" style="10" bestFit="1" customWidth="1"/>
    <col min="7" max="7" width="12.88671875" style="10" customWidth="1"/>
    <col min="8" max="16384" width="8.88671875" style="10"/>
  </cols>
  <sheetData>
    <row r="1" spans="1:7" x14ac:dyDescent="0.3">
      <c r="A1" s="10" t="s">
        <v>123</v>
      </c>
      <c r="B1" s="10" t="s">
        <v>150</v>
      </c>
      <c r="C1" s="10" t="s">
        <v>189</v>
      </c>
      <c r="D1" s="10" t="s">
        <v>129</v>
      </c>
      <c r="E1" s="10" t="s">
        <v>185</v>
      </c>
      <c r="F1" s="10" t="s">
        <v>124</v>
      </c>
      <c r="G1" s="10" t="s">
        <v>134</v>
      </c>
    </row>
    <row r="2" spans="1:7" x14ac:dyDescent="0.3">
      <c r="A2" s="10" t="s">
        <v>82</v>
      </c>
      <c r="B2" s="10" t="s">
        <v>2</v>
      </c>
      <c r="C2" s="10" t="s">
        <v>188</v>
      </c>
      <c r="D2" s="10" t="s">
        <v>130</v>
      </c>
      <c r="E2" s="10" t="s">
        <v>186</v>
      </c>
      <c r="F2" s="10" t="s">
        <v>122</v>
      </c>
    </row>
    <row r="3" spans="1:7" x14ac:dyDescent="0.3">
      <c r="A3" s="10" t="s">
        <v>82</v>
      </c>
      <c r="B3" s="10" t="s">
        <v>30</v>
      </c>
      <c r="C3" s="10" t="s">
        <v>188</v>
      </c>
      <c r="D3" s="10" t="s">
        <v>131</v>
      </c>
      <c r="E3" s="10" t="s">
        <v>186</v>
      </c>
      <c r="F3" s="10" t="s">
        <v>122</v>
      </c>
    </row>
    <row r="4" spans="1:7" x14ac:dyDescent="0.3">
      <c r="A4" s="12" t="s">
        <v>82</v>
      </c>
      <c r="B4" s="13" t="s">
        <v>219</v>
      </c>
      <c r="C4" s="10" t="s">
        <v>188</v>
      </c>
      <c r="D4" s="10" t="s">
        <v>130</v>
      </c>
      <c r="E4" s="10" t="s">
        <v>186</v>
      </c>
      <c r="F4" s="10" t="s">
        <v>206</v>
      </c>
    </row>
    <row r="5" spans="1:7" x14ac:dyDescent="0.3">
      <c r="A5" s="10" t="s">
        <v>82</v>
      </c>
      <c r="B5" s="10" t="s">
        <v>28</v>
      </c>
      <c r="C5" s="10" t="s">
        <v>188</v>
      </c>
      <c r="D5" s="10" t="s">
        <v>131</v>
      </c>
      <c r="E5" s="10" t="s">
        <v>186</v>
      </c>
      <c r="F5" s="10" t="s">
        <v>121</v>
      </c>
    </row>
    <row r="6" spans="1:7" x14ac:dyDescent="0.3">
      <c r="A6" s="10" t="s">
        <v>82</v>
      </c>
      <c r="B6" s="10" t="s">
        <v>4</v>
      </c>
      <c r="C6" s="10" t="s">
        <v>188</v>
      </c>
      <c r="D6" s="10" t="s">
        <v>130</v>
      </c>
      <c r="E6" s="10" t="s">
        <v>186</v>
      </c>
      <c r="F6" s="10" t="s">
        <v>121</v>
      </c>
    </row>
    <row r="7" spans="1:7" x14ac:dyDescent="0.3">
      <c r="A7" s="10" t="s">
        <v>82</v>
      </c>
      <c r="B7" s="10" t="s">
        <v>29</v>
      </c>
      <c r="C7" s="10" t="s">
        <v>188</v>
      </c>
      <c r="D7" s="10" t="s">
        <v>131</v>
      </c>
      <c r="E7" s="10" t="s">
        <v>186</v>
      </c>
      <c r="F7" s="10" t="s">
        <v>121</v>
      </c>
    </row>
    <row r="8" spans="1:7" x14ac:dyDescent="0.3">
      <c r="A8" s="10" t="s">
        <v>82</v>
      </c>
      <c r="B8" s="10" t="s">
        <v>5</v>
      </c>
      <c r="C8" s="10" t="s">
        <v>188</v>
      </c>
      <c r="D8" s="10" t="s">
        <v>130</v>
      </c>
      <c r="E8" s="10" t="s">
        <v>186</v>
      </c>
      <c r="F8" s="10" t="s">
        <v>121</v>
      </c>
    </row>
    <row r="9" spans="1:7" x14ac:dyDescent="0.3">
      <c r="A9" s="13" t="s">
        <v>82</v>
      </c>
      <c r="B9" s="13" t="s">
        <v>248</v>
      </c>
      <c r="C9" s="10" t="s">
        <v>188</v>
      </c>
      <c r="D9" s="10" t="s">
        <v>131</v>
      </c>
      <c r="E9" s="10" t="s">
        <v>186</v>
      </c>
      <c r="F9" s="10" t="s">
        <v>206</v>
      </c>
    </row>
    <row r="10" spans="1:7" x14ac:dyDescent="0.3">
      <c r="A10" s="13" t="s">
        <v>82</v>
      </c>
      <c r="B10" s="13" t="s">
        <v>247</v>
      </c>
      <c r="C10" s="10" t="s">
        <v>188</v>
      </c>
      <c r="D10" s="10" t="s">
        <v>131</v>
      </c>
      <c r="E10" s="10" t="s">
        <v>186</v>
      </c>
      <c r="F10" s="10" t="s">
        <v>206</v>
      </c>
    </row>
    <row r="11" spans="1:7" x14ac:dyDescent="0.3">
      <c r="A11" s="13" t="s">
        <v>82</v>
      </c>
      <c r="B11" s="13" t="s">
        <v>253</v>
      </c>
      <c r="C11" s="10" t="s">
        <v>188</v>
      </c>
      <c r="D11" s="10" t="s">
        <v>131</v>
      </c>
      <c r="E11" s="10" t="s">
        <v>186</v>
      </c>
      <c r="F11" s="10" t="s">
        <v>206</v>
      </c>
    </row>
    <row r="12" spans="1:7" x14ac:dyDescent="0.3">
      <c r="A12" s="12" t="s">
        <v>82</v>
      </c>
      <c r="B12" s="13" t="s">
        <v>222</v>
      </c>
      <c r="C12" s="10" t="s">
        <v>188</v>
      </c>
      <c r="D12" s="10" t="s">
        <v>130</v>
      </c>
      <c r="E12" s="10" t="s">
        <v>186</v>
      </c>
      <c r="F12" s="10" t="s">
        <v>206</v>
      </c>
    </row>
    <row r="13" spans="1:7" x14ac:dyDescent="0.3">
      <c r="A13" s="10" t="s">
        <v>82</v>
      </c>
      <c r="B13" s="10" t="s">
        <v>103</v>
      </c>
      <c r="C13" s="10" t="s">
        <v>188</v>
      </c>
      <c r="D13" s="10" t="s">
        <v>131</v>
      </c>
      <c r="E13" s="10" t="s">
        <v>186</v>
      </c>
      <c r="F13" s="10" t="s">
        <v>121</v>
      </c>
    </row>
    <row r="14" spans="1:7" x14ac:dyDescent="0.3">
      <c r="A14" s="10" t="s">
        <v>82</v>
      </c>
      <c r="B14" s="10" t="s">
        <v>85</v>
      </c>
      <c r="C14" s="10" t="s">
        <v>188</v>
      </c>
      <c r="D14" s="10" t="s">
        <v>130</v>
      </c>
      <c r="E14" s="10" t="s">
        <v>186</v>
      </c>
      <c r="F14" s="10" t="s">
        <v>121</v>
      </c>
    </row>
    <row r="15" spans="1:7" x14ac:dyDescent="0.3">
      <c r="A15" s="10" t="s">
        <v>82</v>
      </c>
      <c r="B15" s="10" t="s">
        <v>109</v>
      </c>
      <c r="C15" s="10" t="s">
        <v>188</v>
      </c>
      <c r="D15" s="10" t="s">
        <v>131</v>
      </c>
      <c r="E15" s="10" t="s">
        <v>186</v>
      </c>
      <c r="F15" s="10" t="s">
        <v>121</v>
      </c>
    </row>
    <row r="16" spans="1:7" x14ac:dyDescent="0.3">
      <c r="A16" s="10" t="s">
        <v>82</v>
      </c>
      <c r="B16" s="10" t="s">
        <v>90</v>
      </c>
      <c r="C16" s="10" t="s">
        <v>188</v>
      </c>
      <c r="D16" s="10" t="s">
        <v>130</v>
      </c>
      <c r="E16" s="10" t="s">
        <v>186</v>
      </c>
      <c r="F16" s="10" t="s">
        <v>121</v>
      </c>
    </row>
    <row r="17" spans="1:6" x14ac:dyDescent="0.3">
      <c r="A17" s="10" t="s">
        <v>82</v>
      </c>
      <c r="B17" s="10" t="s">
        <v>106</v>
      </c>
      <c r="C17" s="10" t="s">
        <v>188</v>
      </c>
      <c r="D17" s="10" t="s">
        <v>131</v>
      </c>
      <c r="E17" s="10" t="s">
        <v>186</v>
      </c>
      <c r="F17" s="10" t="s">
        <v>121</v>
      </c>
    </row>
    <row r="18" spans="1:6" x14ac:dyDescent="0.3">
      <c r="A18" s="10" t="s">
        <v>82</v>
      </c>
      <c r="B18" s="10" t="s">
        <v>88</v>
      </c>
      <c r="C18" s="10" t="s">
        <v>188</v>
      </c>
      <c r="D18" s="10" t="s">
        <v>130</v>
      </c>
      <c r="E18" s="10" t="s">
        <v>186</v>
      </c>
      <c r="F18" s="10" t="s">
        <v>121</v>
      </c>
    </row>
    <row r="19" spans="1:6" x14ac:dyDescent="0.3">
      <c r="A19" s="10" t="s">
        <v>82</v>
      </c>
      <c r="B19" s="10" t="s">
        <v>27</v>
      </c>
      <c r="C19" s="10" t="s">
        <v>188</v>
      </c>
      <c r="D19" s="10" t="s">
        <v>131</v>
      </c>
      <c r="E19" s="10" t="s">
        <v>186</v>
      </c>
      <c r="F19" s="10" t="s">
        <v>121</v>
      </c>
    </row>
    <row r="20" spans="1:6" x14ac:dyDescent="0.3">
      <c r="A20" s="10" t="s">
        <v>82</v>
      </c>
      <c r="B20" s="14" t="s">
        <v>195</v>
      </c>
      <c r="C20" s="10" t="s">
        <v>188</v>
      </c>
      <c r="D20" s="10" t="s">
        <v>131</v>
      </c>
      <c r="E20" s="10" t="s">
        <v>186</v>
      </c>
      <c r="F20" s="10" t="s">
        <v>121</v>
      </c>
    </row>
    <row r="21" spans="1:6" x14ac:dyDescent="0.3">
      <c r="A21" s="10" t="s">
        <v>82</v>
      </c>
      <c r="B21" s="10" t="s">
        <v>9</v>
      </c>
      <c r="C21" s="10" t="s">
        <v>188</v>
      </c>
      <c r="D21" s="10" t="s">
        <v>130</v>
      </c>
      <c r="E21" s="10" t="s">
        <v>186</v>
      </c>
      <c r="F21" s="10" t="s">
        <v>121</v>
      </c>
    </row>
    <row r="22" spans="1:6" x14ac:dyDescent="0.3">
      <c r="A22" s="10" t="s">
        <v>82</v>
      </c>
      <c r="B22" s="10" t="s">
        <v>6</v>
      </c>
      <c r="C22" s="10" t="s">
        <v>188</v>
      </c>
      <c r="D22" s="10" t="s">
        <v>130</v>
      </c>
      <c r="E22" s="10" t="s">
        <v>186</v>
      </c>
      <c r="F22" s="10" t="s">
        <v>121</v>
      </c>
    </row>
    <row r="23" spans="1:6" x14ac:dyDescent="0.3">
      <c r="A23" s="10" t="s">
        <v>82</v>
      </c>
      <c r="B23" s="10" t="s">
        <v>31</v>
      </c>
      <c r="C23" s="10" t="s">
        <v>188</v>
      </c>
      <c r="D23" s="10" t="s">
        <v>131</v>
      </c>
      <c r="E23" s="10" t="s">
        <v>186</v>
      </c>
      <c r="F23" s="10" t="s">
        <v>121</v>
      </c>
    </row>
    <row r="24" spans="1:6" x14ac:dyDescent="0.3">
      <c r="A24" s="10" t="s">
        <v>82</v>
      </c>
      <c r="B24" s="10" t="s">
        <v>32</v>
      </c>
      <c r="C24" s="10" t="s">
        <v>188</v>
      </c>
      <c r="D24" s="10" t="s">
        <v>131</v>
      </c>
      <c r="E24" s="10" t="s">
        <v>186</v>
      </c>
      <c r="F24" s="10" t="s">
        <v>121</v>
      </c>
    </row>
    <row r="25" spans="1:6" x14ac:dyDescent="0.3">
      <c r="A25" s="10" t="s">
        <v>82</v>
      </c>
      <c r="B25" s="10" t="s">
        <v>8</v>
      </c>
      <c r="C25" s="10" t="s">
        <v>188</v>
      </c>
      <c r="D25" s="10" t="s">
        <v>130</v>
      </c>
      <c r="E25" s="10" t="s">
        <v>186</v>
      </c>
      <c r="F25" s="10" t="s">
        <v>121</v>
      </c>
    </row>
    <row r="26" spans="1:6" x14ac:dyDescent="0.3">
      <c r="A26" s="10" t="s">
        <v>82</v>
      </c>
      <c r="B26" s="10" t="s">
        <v>35</v>
      </c>
      <c r="C26" s="10" t="s">
        <v>188</v>
      </c>
      <c r="D26" s="10" t="s">
        <v>131</v>
      </c>
      <c r="E26" s="10" t="s">
        <v>186</v>
      </c>
      <c r="F26" s="10" t="s">
        <v>121</v>
      </c>
    </row>
    <row r="27" spans="1:6" x14ac:dyDescent="0.3">
      <c r="A27" s="10" t="s">
        <v>82</v>
      </c>
      <c r="B27" s="10" t="s">
        <v>209</v>
      </c>
      <c r="C27" s="10" t="s">
        <v>188</v>
      </c>
      <c r="D27" s="10" t="s">
        <v>130</v>
      </c>
      <c r="E27" s="10" t="s">
        <v>186</v>
      </c>
      <c r="F27" s="10" t="s">
        <v>206</v>
      </c>
    </row>
    <row r="28" spans="1:6" x14ac:dyDescent="0.3">
      <c r="A28" s="10" t="s">
        <v>82</v>
      </c>
      <c r="B28" s="10" t="s">
        <v>111</v>
      </c>
      <c r="C28" s="10" t="s">
        <v>188</v>
      </c>
      <c r="D28" s="10" t="s">
        <v>131</v>
      </c>
      <c r="E28" s="10" t="s">
        <v>186</v>
      </c>
      <c r="F28" s="10" t="s">
        <v>122</v>
      </c>
    </row>
    <row r="29" spans="1:6" x14ac:dyDescent="0.3">
      <c r="A29" s="10" t="s">
        <v>82</v>
      </c>
      <c r="B29" s="10" t="s">
        <v>276</v>
      </c>
      <c r="C29" s="10" t="s">
        <v>188</v>
      </c>
      <c r="D29" s="10" t="s">
        <v>130</v>
      </c>
      <c r="E29" s="10" t="s">
        <v>186</v>
      </c>
      <c r="F29" s="10" t="s">
        <v>122</v>
      </c>
    </row>
    <row r="30" spans="1:6" x14ac:dyDescent="0.3">
      <c r="A30" s="10" t="s">
        <v>82</v>
      </c>
      <c r="B30" s="10" t="s">
        <v>36</v>
      </c>
      <c r="C30" s="10" t="s">
        <v>188</v>
      </c>
      <c r="D30" s="10" t="s">
        <v>131</v>
      </c>
      <c r="E30" s="10" t="s">
        <v>186</v>
      </c>
      <c r="F30" s="10" t="s">
        <v>122</v>
      </c>
    </row>
    <row r="31" spans="1:6" x14ac:dyDescent="0.3">
      <c r="A31" s="10" t="s">
        <v>82</v>
      </c>
      <c r="B31" s="10" t="s">
        <v>93</v>
      </c>
      <c r="C31" s="10" t="s">
        <v>188</v>
      </c>
      <c r="D31" s="10" t="s">
        <v>130</v>
      </c>
      <c r="E31" s="10" t="s">
        <v>187</v>
      </c>
      <c r="F31" s="10" t="s">
        <v>121</v>
      </c>
    </row>
    <row r="32" spans="1:6" x14ac:dyDescent="0.3">
      <c r="A32" s="10" t="s">
        <v>82</v>
      </c>
      <c r="B32" s="10" t="s">
        <v>37</v>
      </c>
      <c r="C32" s="10" t="s">
        <v>188</v>
      </c>
      <c r="D32" s="10" t="s">
        <v>131</v>
      </c>
      <c r="E32" s="10" t="s">
        <v>186</v>
      </c>
      <c r="F32" s="10" t="s">
        <v>121</v>
      </c>
    </row>
    <row r="33" spans="1:7" x14ac:dyDescent="0.3">
      <c r="A33" s="10" t="s">
        <v>82</v>
      </c>
      <c r="B33" s="10" t="s">
        <v>11</v>
      </c>
      <c r="C33" s="10" t="s">
        <v>188</v>
      </c>
      <c r="D33" s="10" t="s">
        <v>130</v>
      </c>
      <c r="E33" s="10" t="s">
        <v>186</v>
      </c>
      <c r="F33" s="10" t="s">
        <v>121</v>
      </c>
    </row>
    <row r="34" spans="1:7" x14ac:dyDescent="0.3">
      <c r="A34" s="10" t="s">
        <v>82</v>
      </c>
      <c r="B34" s="10" t="s">
        <v>38</v>
      </c>
      <c r="C34" s="10" t="s">
        <v>188</v>
      </c>
      <c r="D34" s="10" t="s">
        <v>131</v>
      </c>
      <c r="E34" s="10" t="s">
        <v>186</v>
      </c>
      <c r="F34" s="10" t="s">
        <v>121</v>
      </c>
    </row>
    <row r="35" spans="1:7" x14ac:dyDescent="0.3">
      <c r="A35" s="10" t="s">
        <v>82</v>
      </c>
      <c r="B35" s="10" t="s">
        <v>12</v>
      </c>
      <c r="C35" s="10" t="s">
        <v>188</v>
      </c>
      <c r="D35" s="10" t="s">
        <v>130</v>
      </c>
      <c r="E35" s="10" t="s">
        <v>186</v>
      </c>
      <c r="F35" s="10" t="s">
        <v>121</v>
      </c>
    </row>
    <row r="36" spans="1:7" x14ac:dyDescent="0.3">
      <c r="A36" s="12" t="s">
        <v>82</v>
      </c>
      <c r="B36" s="13" t="s">
        <v>204</v>
      </c>
      <c r="C36" s="10" t="s">
        <v>188</v>
      </c>
      <c r="D36" s="10" t="s">
        <v>130</v>
      </c>
      <c r="E36" s="10" t="s">
        <v>187</v>
      </c>
      <c r="F36" s="10" t="s">
        <v>206</v>
      </c>
    </row>
    <row r="37" spans="1:7" x14ac:dyDescent="0.3">
      <c r="A37" s="10" t="s">
        <v>82</v>
      </c>
      <c r="B37" s="10" t="s">
        <v>99</v>
      </c>
      <c r="C37" s="10" t="s">
        <v>188</v>
      </c>
      <c r="D37" s="10" t="s">
        <v>130</v>
      </c>
      <c r="E37" s="10" t="s">
        <v>186</v>
      </c>
      <c r="F37" s="10" t="s">
        <v>122</v>
      </c>
    </row>
    <row r="38" spans="1:7" x14ac:dyDescent="0.3">
      <c r="A38" s="10" t="s">
        <v>82</v>
      </c>
      <c r="B38" s="10" t="s">
        <v>113</v>
      </c>
      <c r="C38" s="10" t="s">
        <v>188</v>
      </c>
      <c r="D38" s="10" t="s">
        <v>131</v>
      </c>
      <c r="E38" s="10" t="s">
        <v>186</v>
      </c>
      <c r="F38" s="10" t="s">
        <v>122</v>
      </c>
    </row>
    <row r="39" spans="1:7" x14ac:dyDescent="0.3">
      <c r="A39" s="10" t="s">
        <v>82</v>
      </c>
      <c r="B39" s="10" t="s">
        <v>40</v>
      </c>
      <c r="C39" s="10" t="s">
        <v>188</v>
      </c>
      <c r="D39" s="10" t="s">
        <v>131</v>
      </c>
      <c r="E39" s="10" t="s">
        <v>186</v>
      </c>
      <c r="F39" s="10" t="s">
        <v>121</v>
      </c>
    </row>
    <row r="40" spans="1:7" x14ac:dyDescent="0.3">
      <c r="A40" s="10" t="s">
        <v>82</v>
      </c>
      <c r="B40" s="10" t="s">
        <v>13</v>
      </c>
      <c r="C40" s="10" t="s">
        <v>188</v>
      </c>
      <c r="D40" s="10" t="s">
        <v>130</v>
      </c>
      <c r="E40" s="10" t="s">
        <v>186</v>
      </c>
      <c r="F40" s="10" t="s">
        <v>121</v>
      </c>
    </row>
    <row r="41" spans="1:7" x14ac:dyDescent="0.3">
      <c r="A41" s="10" t="s">
        <v>82</v>
      </c>
      <c r="B41" s="10" t="s">
        <v>41</v>
      </c>
      <c r="C41" s="10" t="s">
        <v>188</v>
      </c>
      <c r="D41" s="10" t="s">
        <v>131</v>
      </c>
      <c r="E41" s="10" t="s">
        <v>186</v>
      </c>
      <c r="F41" s="10" t="s">
        <v>121</v>
      </c>
    </row>
    <row r="42" spans="1:7" x14ac:dyDescent="0.3">
      <c r="A42" s="10" t="s">
        <v>82</v>
      </c>
      <c r="B42" s="10" t="s">
        <v>14</v>
      </c>
      <c r="C42" s="10" t="s">
        <v>188</v>
      </c>
      <c r="D42" s="10" t="s">
        <v>130</v>
      </c>
      <c r="E42" s="10" t="s">
        <v>186</v>
      </c>
      <c r="F42" s="10" t="s">
        <v>121</v>
      </c>
    </row>
    <row r="43" spans="1:7" x14ac:dyDescent="0.3">
      <c r="A43" s="10" t="s">
        <v>82</v>
      </c>
      <c r="B43" s="10" t="s">
        <v>15</v>
      </c>
      <c r="C43" s="10" t="s">
        <v>188</v>
      </c>
      <c r="D43" s="10" t="s">
        <v>130</v>
      </c>
      <c r="E43" s="10" t="s">
        <v>186</v>
      </c>
      <c r="F43" s="10" t="s">
        <v>121</v>
      </c>
      <c r="G43" s="10" t="s">
        <v>121</v>
      </c>
    </row>
    <row r="44" spans="1:7" x14ac:dyDescent="0.3">
      <c r="A44" s="10" t="s">
        <v>82</v>
      </c>
      <c r="B44" s="10" t="s">
        <v>43</v>
      </c>
      <c r="C44" s="10" t="s">
        <v>188</v>
      </c>
      <c r="D44" s="10" t="s">
        <v>131</v>
      </c>
      <c r="E44" s="10" t="s">
        <v>186</v>
      </c>
      <c r="F44" s="10" t="s">
        <v>121</v>
      </c>
    </row>
    <row r="45" spans="1:7" x14ac:dyDescent="0.3">
      <c r="A45" s="10" t="s">
        <v>82</v>
      </c>
      <c r="B45" s="10" t="s">
        <v>118</v>
      </c>
      <c r="C45" s="10" t="s">
        <v>188</v>
      </c>
      <c r="D45" s="10" t="s">
        <v>131</v>
      </c>
      <c r="E45" s="10" t="s">
        <v>186</v>
      </c>
      <c r="F45" s="10" t="s">
        <v>121</v>
      </c>
    </row>
    <row r="46" spans="1:7" x14ac:dyDescent="0.3">
      <c r="A46" s="10" t="s">
        <v>82</v>
      </c>
      <c r="B46" s="10" t="s">
        <v>120</v>
      </c>
      <c r="C46" s="10" t="s">
        <v>188</v>
      </c>
      <c r="D46" s="10" t="s">
        <v>130</v>
      </c>
      <c r="E46" s="10" t="s">
        <v>186</v>
      </c>
      <c r="F46" s="10" t="s">
        <v>121</v>
      </c>
    </row>
    <row r="47" spans="1:7" x14ac:dyDescent="0.3">
      <c r="A47" s="10" t="s">
        <v>82</v>
      </c>
      <c r="B47" s="10" t="s">
        <v>45</v>
      </c>
      <c r="C47" s="10" t="s">
        <v>188</v>
      </c>
      <c r="D47" s="10" t="s">
        <v>131</v>
      </c>
      <c r="E47" s="10" t="s">
        <v>186</v>
      </c>
      <c r="F47" s="10" t="s">
        <v>121</v>
      </c>
    </row>
    <row r="48" spans="1:7" x14ac:dyDescent="0.3">
      <c r="A48" s="10" t="s">
        <v>82</v>
      </c>
      <c r="B48" s="10" t="s">
        <v>44</v>
      </c>
      <c r="C48" s="10" t="s">
        <v>188</v>
      </c>
      <c r="D48" s="10" t="s">
        <v>131</v>
      </c>
      <c r="E48" s="10" t="s">
        <v>186</v>
      </c>
      <c r="F48" s="10" t="s">
        <v>121</v>
      </c>
    </row>
    <row r="49" spans="1:6" x14ac:dyDescent="0.3">
      <c r="A49" s="10" t="s">
        <v>82</v>
      </c>
      <c r="B49" s="10" t="s">
        <v>16</v>
      </c>
      <c r="C49" s="10" t="s">
        <v>188</v>
      </c>
      <c r="D49" s="10" t="s">
        <v>130</v>
      </c>
      <c r="E49" s="10" t="s">
        <v>186</v>
      </c>
      <c r="F49" s="10" t="s">
        <v>121</v>
      </c>
    </row>
    <row r="50" spans="1:6" x14ac:dyDescent="0.3">
      <c r="A50" s="10" t="s">
        <v>82</v>
      </c>
      <c r="B50" s="10" t="s">
        <v>17</v>
      </c>
      <c r="C50" s="10" t="s">
        <v>188</v>
      </c>
      <c r="D50" s="10" t="s">
        <v>130</v>
      </c>
      <c r="E50" s="10" t="s">
        <v>186</v>
      </c>
      <c r="F50" s="10" t="s">
        <v>121</v>
      </c>
    </row>
    <row r="51" spans="1:6" x14ac:dyDescent="0.3">
      <c r="A51" s="10" t="s">
        <v>82</v>
      </c>
      <c r="B51" s="10" t="s">
        <v>274</v>
      </c>
      <c r="C51" s="10" t="s">
        <v>188</v>
      </c>
      <c r="D51" s="10" t="s">
        <v>130</v>
      </c>
      <c r="E51" s="10" t="s">
        <v>186</v>
      </c>
      <c r="F51" s="10" t="s">
        <v>121</v>
      </c>
    </row>
    <row r="52" spans="1:6" x14ac:dyDescent="0.3">
      <c r="A52" s="10" t="s">
        <v>82</v>
      </c>
      <c r="B52" s="10" t="s">
        <v>48</v>
      </c>
      <c r="C52" s="10" t="s">
        <v>188</v>
      </c>
      <c r="D52" s="10" t="s">
        <v>131</v>
      </c>
      <c r="E52" s="10" t="s">
        <v>186</v>
      </c>
      <c r="F52" s="10" t="s">
        <v>121</v>
      </c>
    </row>
    <row r="53" spans="1:6" x14ac:dyDescent="0.3">
      <c r="A53" s="10" t="s">
        <v>82</v>
      </c>
      <c r="B53" s="10" t="s">
        <v>49</v>
      </c>
      <c r="C53" s="10" t="s">
        <v>188</v>
      </c>
      <c r="D53" s="10" t="s">
        <v>131</v>
      </c>
      <c r="E53" s="10" t="s">
        <v>186</v>
      </c>
      <c r="F53" s="10" t="s">
        <v>121</v>
      </c>
    </row>
    <row r="54" spans="1:6" x14ac:dyDescent="0.3">
      <c r="A54" s="10" t="s">
        <v>82</v>
      </c>
      <c r="B54" s="10" t="s">
        <v>18</v>
      </c>
      <c r="C54" s="10" t="s">
        <v>188</v>
      </c>
      <c r="D54" s="10" t="s">
        <v>130</v>
      </c>
      <c r="E54" s="10" t="s">
        <v>186</v>
      </c>
      <c r="F54" s="10" t="s">
        <v>121</v>
      </c>
    </row>
    <row r="55" spans="1:6" x14ac:dyDescent="0.3">
      <c r="A55" s="10" t="s">
        <v>82</v>
      </c>
      <c r="B55" s="10" t="s">
        <v>50</v>
      </c>
      <c r="C55" s="10" t="s">
        <v>188</v>
      </c>
      <c r="D55" s="10" t="s">
        <v>131</v>
      </c>
      <c r="E55" s="10" t="s">
        <v>186</v>
      </c>
      <c r="F55" s="10" t="s">
        <v>121</v>
      </c>
    </row>
    <row r="56" spans="1:6" x14ac:dyDescent="0.3">
      <c r="A56" s="10" t="s">
        <v>82</v>
      </c>
      <c r="B56" s="10" t="s">
        <v>19</v>
      </c>
      <c r="C56" s="10" t="s">
        <v>188</v>
      </c>
      <c r="D56" s="10" t="s">
        <v>130</v>
      </c>
      <c r="E56" s="10" t="s">
        <v>186</v>
      </c>
      <c r="F56" s="10" t="s">
        <v>121</v>
      </c>
    </row>
    <row r="57" spans="1:6" x14ac:dyDescent="0.3">
      <c r="A57" s="10" t="s">
        <v>82</v>
      </c>
      <c r="B57" s="10" t="s">
        <v>53</v>
      </c>
      <c r="C57" s="10" t="s">
        <v>188</v>
      </c>
      <c r="D57" s="10" t="s">
        <v>131</v>
      </c>
      <c r="E57" s="10" t="s">
        <v>186</v>
      </c>
      <c r="F57" s="10" t="s">
        <v>121</v>
      </c>
    </row>
    <row r="58" spans="1:6" x14ac:dyDescent="0.3">
      <c r="A58" s="10" t="s">
        <v>82</v>
      </c>
      <c r="B58" s="10" t="s">
        <v>135</v>
      </c>
      <c r="C58" s="10" t="s">
        <v>188</v>
      </c>
      <c r="D58" s="10" t="s">
        <v>130</v>
      </c>
      <c r="E58" s="10" t="s">
        <v>187</v>
      </c>
      <c r="F58" s="10" t="s">
        <v>121</v>
      </c>
    </row>
    <row r="59" spans="1:6" x14ac:dyDescent="0.3">
      <c r="A59" s="10" t="s">
        <v>82</v>
      </c>
      <c r="B59" s="10" t="s">
        <v>137</v>
      </c>
      <c r="C59" s="10" t="s">
        <v>188</v>
      </c>
      <c r="D59" s="10" t="s">
        <v>130</v>
      </c>
      <c r="E59" s="10" t="s">
        <v>187</v>
      </c>
      <c r="F59" s="10" t="s">
        <v>121</v>
      </c>
    </row>
    <row r="60" spans="1:6" x14ac:dyDescent="0.3">
      <c r="A60" s="10" t="s">
        <v>82</v>
      </c>
      <c r="B60" s="10" t="s">
        <v>94</v>
      </c>
      <c r="C60" s="10" t="s">
        <v>188</v>
      </c>
      <c r="D60" s="10" t="s">
        <v>130</v>
      </c>
      <c r="E60" s="10" t="s">
        <v>187</v>
      </c>
      <c r="F60" s="10" t="s">
        <v>121</v>
      </c>
    </row>
    <row r="61" spans="1:6" x14ac:dyDescent="0.3">
      <c r="A61" s="10" t="s">
        <v>82</v>
      </c>
      <c r="B61" s="10" t="s">
        <v>97</v>
      </c>
      <c r="C61" s="10" t="s">
        <v>188</v>
      </c>
      <c r="D61" s="10" t="s">
        <v>130</v>
      </c>
      <c r="E61" s="10" t="s">
        <v>187</v>
      </c>
      <c r="F61" s="10" t="s">
        <v>121</v>
      </c>
    </row>
    <row r="62" spans="1:6" x14ac:dyDescent="0.3">
      <c r="A62" s="10" t="s">
        <v>82</v>
      </c>
      <c r="B62" s="10" t="s">
        <v>55</v>
      </c>
      <c r="C62" s="10" t="s">
        <v>188</v>
      </c>
      <c r="D62" s="10" t="s">
        <v>131</v>
      </c>
      <c r="E62" s="10" t="s">
        <v>186</v>
      </c>
      <c r="F62" s="10" t="s">
        <v>121</v>
      </c>
    </row>
    <row r="63" spans="1:6" x14ac:dyDescent="0.3">
      <c r="A63" s="10" t="s">
        <v>82</v>
      </c>
      <c r="B63" s="10" t="s">
        <v>21</v>
      </c>
      <c r="C63" s="10" t="s">
        <v>188</v>
      </c>
      <c r="D63" s="10" t="s">
        <v>130</v>
      </c>
      <c r="E63" s="10" t="s">
        <v>186</v>
      </c>
      <c r="F63" s="10" t="s">
        <v>121</v>
      </c>
    </row>
    <row r="64" spans="1:6" x14ac:dyDescent="0.3">
      <c r="A64" s="10" t="s">
        <v>82</v>
      </c>
      <c r="B64" s="10" t="s">
        <v>22</v>
      </c>
      <c r="C64" s="10" t="s">
        <v>188</v>
      </c>
      <c r="D64" s="10" t="s">
        <v>130</v>
      </c>
      <c r="E64" s="10" t="s">
        <v>186</v>
      </c>
      <c r="F64" s="10" t="s">
        <v>122</v>
      </c>
    </row>
    <row r="65" spans="1:6" x14ac:dyDescent="0.3">
      <c r="A65" s="10" t="s">
        <v>82</v>
      </c>
      <c r="B65" s="10" t="s">
        <v>56</v>
      </c>
      <c r="C65" s="10" t="s">
        <v>188</v>
      </c>
      <c r="D65" s="10" t="s">
        <v>131</v>
      </c>
      <c r="E65" s="10" t="s">
        <v>186</v>
      </c>
      <c r="F65" s="10" t="s">
        <v>121</v>
      </c>
    </row>
    <row r="66" spans="1:6" x14ac:dyDescent="0.3">
      <c r="A66" s="10" t="s">
        <v>82</v>
      </c>
      <c r="B66" s="10" t="s">
        <v>25</v>
      </c>
      <c r="C66" s="10" t="s">
        <v>188</v>
      </c>
      <c r="D66" s="10" t="s">
        <v>130</v>
      </c>
      <c r="E66" s="10" t="s">
        <v>186</v>
      </c>
      <c r="F66" s="10" t="s">
        <v>121</v>
      </c>
    </row>
    <row r="67" spans="1:6" x14ac:dyDescent="0.3">
      <c r="A67" s="10" t="s">
        <v>82</v>
      </c>
      <c r="B67" s="10" t="s">
        <v>57</v>
      </c>
      <c r="C67" s="10" t="s">
        <v>188</v>
      </c>
      <c r="D67" s="10" t="s">
        <v>131</v>
      </c>
      <c r="E67" s="10" t="s">
        <v>186</v>
      </c>
      <c r="F67" s="10" t="s">
        <v>121</v>
      </c>
    </row>
    <row r="68" spans="1:6" x14ac:dyDescent="0.3">
      <c r="A68" s="10" t="s">
        <v>82</v>
      </c>
      <c r="B68" s="10" t="s">
        <v>26</v>
      </c>
      <c r="C68" s="10" t="s">
        <v>188</v>
      </c>
      <c r="D68" s="10" t="s">
        <v>130</v>
      </c>
      <c r="E68" s="10" t="s">
        <v>186</v>
      </c>
      <c r="F68" s="10" t="s">
        <v>121</v>
      </c>
    </row>
    <row r="69" spans="1:6" x14ac:dyDescent="0.3">
      <c r="A69" s="10" t="s">
        <v>82</v>
      </c>
      <c r="B69" s="10" t="s">
        <v>60</v>
      </c>
      <c r="C69" s="10" t="s">
        <v>188</v>
      </c>
      <c r="D69" s="10" t="s">
        <v>131</v>
      </c>
      <c r="E69" s="10" t="s">
        <v>186</v>
      </c>
      <c r="F69" s="10" t="s">
        <v>121</v>
      </c>
    </row>
    <row r="70" spans="1:6" x14ac:dyDescent="0.3">
      <c r="A70" s="12" t="s">
        <v>83</v>
      </c>
      <c r="B70" s="13" t="s">
        <v>227</v>
      </c>
      <c r="C70" s="10" t="s">
        <v>188</v>
      </c>
      <c r="D70" s="10" t="s">
        <v>131</v>
      </c>
      <c r="E70" s="10" t="s">
        <v>187</v>
      </c>
      <c r="F70" s="10" t="s">
        <v>128</v>
      </c>
    </row>
    <row r="71" spans="1:6" x14ac:dyDescent="0.3">
      <c r="A71" s="10" t="s">
        <v>83</v>
      </c>
      <c r="B71" s="10" t="s">
        <v>117</v>
      </c>
      <c r="C71" s="10" t="s">
        <v>188</v>
      </c>
      <c r="D71" s="10" t="s">
        <v>130</v>
      </c>
      <c r="E71" s="10" t="s">
        <v>186</v>
      </c>
      <c r="F71" s="10" t="s">
        <v>128</v>
      </c>
    </row>
    <row r="72" spans="1:6" x14ac:dyDescent="0.3">
      <c r="A72" s="10" t="s">
        <v>83</v>
      </c>
      <c r="B72" s="10" t="s">
        <v>34</v>
      </c>
      <c r="C72" s="10" t="s">
        <v>81</v>
      </c>
      <c r="D72" s="10" t="s">
        <v>130</v>
      </c>
      <c r="E72" s="10" t="s">
        <v>186</v>
      </c>
      <c r="F72" s="10" t="s">
        <v>128</v>
      </c>
    </row>
    <row r="73" spans="1:6" x14ac:dyDescent="0.3">
      <c r="A73" s="10" t="s">
        <v>83</v>
      </c>
      <c r="B73" s="10" t="s">
        <v>39</v>
      </c>
      <c r="C73" s="10" t="s">
        <v>81</v>
      </c>
      <c r="D73" s="10" t="s">
        <v>130</v>
      </c>
      <c r="E73" s="10" t="s">
        <v>186</v>
      </c>
      <c r="F73" s="10" t="s">
        <v>128</v>
      </c>
    </row>
    <row r="74" spans="1:6" x14ac:dyDescent="0.3">
      <c r="A74" s="10" t="s">
        <v>83</v>
      </c>
      <c r="B74" s="10" t="s">
        <v>47</v>
      </c>
      <c r="C74" s="10" t="s">
        <v>81</v>
      </c>
      <c r="D74" s="10" t="s">
        <v>130</v>
      </c>
      <c r="E74" s="10" t="s">
        <v>186</v>
      </c>
      <c r="F74" s="10" t="s">
        <v>128</v>
      </c>
    </row>
    <row r="75" spans="1:6" x14ac:dyDescent="0.3">
      <c r="A75" s="10" t="s">
        <v>83</v>
      </c>
      <c r="B75" s="10" t="s">
        <v>52</v>
      </c>
      <c r="C75" s="10" t="s">
        <v>81</v>
      </c>
      <c r="D75" s="10" t="s">
        <v>130</v>
      </c>
      <c r="E75" s="10" t="s">
        <v>186</v>
      </c>
      <c r="F75" s="10" t="s">
        <v>128</v>
      </c>
    </row>
    <row r="76" spans="1:6" x14ac:dyDescent="0.3">
      <c r="A76" s="10" t="s">
        <v>83</v>
      </c>
      <c r="B76" s="10" t="s">
        <v>277</v>
      </c>
      <c r="C76" s="10" t="s">
        <v>81</v>
      </c>
      <c r="D76" s="10" t="s">
        <v>130</v>
      </c>
      <c r="E76" s="10" t="s">
        <v>186</v>
      </c>
      <c r="F76" s="10" t="s">
        <v>128</v>
      </c>
    </row>
    <row r="77" spans="1:6" x14ac:dyDescent="0.3">
      <c r="A77" s="10" t="s">
        <v>83</v>
      </c>
      <c r="B77" s="10" t="s">
        <v>3</v>
      </c>
      <c r="C77" s="10" t="s">
        <v>81</v>
      </c>
      <c r="D77" s="10" t="s">
        <v>132</v>
      </c>
      <c r="E77" s="10" t="s">
        <v>186</v>
      </c>
      <c r="F77" s="10" t="s">
        <v>125</v>
      </c>
    </row>
    <row r="78" spans="1:6" x14ac:dyDescent="0.3">
      <c r="A78" s="10" t="s">
        <v>83</v>
      </c>
      <c r="B78" s="10" t="s">
        <v>10</v>
      </c>
      <c r="C78" s="10" t="s">
        <v>81</v>
      </c>
      <c r="D78" s="10" t="s">
        <v>132</v>
      </c>
      <c r="E78" s="10" t="s">
        <v>186</v>
      </c>
      <c r="F78" s="10" t="s">
        <v>125</v>
      </c>
    </row>
    <row r="79" spans="1:6" x14ac:dyDescent="0.3">
      <c r="A79" s="10" t="s">
        <v>83</v>
      </c>
      <c r="B79" s="10" t="s">
        <v>7</v>
      </c>
      <c r="C79" s="10" t="s">
        <v>81</v>
      </c>
      <c r="D79" s="10" t="s">
        <v>132</v>
      </c>
      <c r="E79" s="10" t="s">
        <v>186</v>
      </c>
      <c r="F79" s="10" t="s">
        <v>125</v>
      </c>
    </row>
    <row r="80" spans="1:6" x14ac:dyDescent="0.3">
      <c r="A80" s="10" t="s">
        <v>83</v>
      </c>
      <c r="B80" s="10" t="s">
        <v>203</v>
      </c>
      <c r="C80" s="10" t="s">
        <v>81</v>
      </c>
      <c r="D80" s="10" t="s">
        <v>132</v>
      </c>
      <c r="E80" s="10" t="s">
        <v>186</v>
      </c>
      <c r="F80" s="10" t="s">
        <v>126</v>
      </c>
    </row>
    <row r="81" spans="1:6" x14ac:dyDescent="0.3">
      <c r="A81" s="10" t="s">
        <v>83</v>
      </c>
      <c r="B81" s="10" t="s">
        <v>42</v>
      </c>
      <c r="C81" s="10" t="s">
        <v>81</v>
      </c>
      <c r="D81" s="10" t="s">
        <v>132</v>
      </c>
      <c r="E81" s="10" t="s">
        <v>186</v>
      </c>
      <c r="F81" s="10" t="s">
        <v>125</v>
      </c>
    </row>
    <row r="82" spans="1:6" x14ac:dyDescent="0.3">
      <c r="A82" s="10" t="s">
        <v>83</v>
      </c>
      <c r="B82" s="10" t="s">
        <v>24</v>
      </c>
      <c r="C82" s="10" t="s">
        <v>81</v>
      </c>
      <c r="D82" s="10" t="s">
        <v>131</v>
      </c>
      <c r="E82" s="10" t="s">
        <v>186</v>
      </c>
      <c r="F82" s="10" t="s">
        <v>126</v>
      </c>
    </row>
    <row r="83" spans="1:6" x14ac:dyDescent="0.3">
      <c r="A83" s="10" t="s">
        <v>83</v>
      </c>
      <c r="B83" s="12" t="s">
        <v>223</v>
      </c>
      <c r="C83" s="10" t="s">
        <v>81</v>
      </c>
      <c r="D83" s="10" t="s">
        <v>132</v>
      </c>
      <c r="E83" s="10" t="s">
        <v>186</v>
      </c>
      <c r="F83" s="10" t="s">
        <v>311</v>
      </c>
    </row>
    <row r="84" spans="1:6" x14ac:dyDescent="0.3">
      <c r="A84" s="10" t="s">
        <v>83</v>
      </c>
      <c r="B84" s="12" t="s">
        <v>246</v>
      </c>
      <c r="C84" s="10" t="s">
        <v>81</v>
      </c>
      <c r="D84" s="10" t="s">
        <v>130</v>
      </c>
      <c r="E84" s="10" t="s">
        <v>186</v>
      </c>
      <c r="F84" s="10" t="s">
        <v>311</v>
      </c>
    </row>
    <row r="85" spans="1:6" x14ac:dyDescent="0.3">
      <c r="A85" s="10" t="s">
        <v>83</v>
      </c>
      <c r="B85" s="12" t="s">
        <v>251</v>
      </c>
      <c r="C85" s="10" t="s">
        <v>81</v>
      </c>
      <c r="D85" s="10" t="s">
        <v>130</v>
      </c>
      <c r="E85" s="10" t="s">
        <v>186</v>
      </c>
      <c r="F85" s="10" t="s">
        <v>311</v>
      </c>
    </row>
    <row r="86" spans="1:6" x14ac:dyDescent="0.3">
      <c r="A86" s="10" t="s">
        <v>116</v>
      </c>
      <c r="B86" s="10" t="s">
        <v>108</v>
      </c>
      <c r="C86" s="10" t="s">
        <v>81</v>
      </c>
      <c r="D86" s="10" t="s">
        <v>132</v>
      </c>
      <c r="E86" s="10" t="s">
        <v>186</v>
      </c>
      <c r="F86" s="10" t="s">
        <v>127</v>
      </c>
    </row>
    <row r="87" spans="1:6" x14ac:dyDescent="0.3">
      <c r="A87" s="10" t="s">
        <v>116</v>
      </c>
      <c r="B87" s="10" t="s">
        <v>91</v>
      </c>
      <c r="C87" s="10" t="s">
        <v>81</v>
      </c>
      <c r="D87" s="10" t="s">
        <v>131</v>
      </c>
      <c r="E87" s="10" t="s">
        <v>186</v>
      </c>
      <c r="F87" s="10" t="s">
        <v>133</v>
      </c>
    </row>
    <row r="88" spans="1:6" x14ac:dyDescent="0.3">
      <c r="A88" s="10" t="s">
        <v>116</v>
      </c>
      <c r="B88" s="10" t="s">
        <v>102</v>
      </c>
      <c r="C88" s="10" t="s">
        <v>81</v>
      </c>
      <c r="D88" s="10" t="s">
        <v>132</v>
      </c>
      <c r="E88" s="10" t="s">
        <v>186</v>
      </c>
      <c r="F88" s="10" t="s">
        <v>127</v>
      </c>
    </row>
    <row r="89" spans="1:6" x14ac:dyDescent="0.3">
      <c r="A89" s="10" t="s">
        <v>116</v>
      </c>
      <c r="B89" s="10" t="s">
        <v>86</v>
      </c>
      <c r="C89" s="10" t="s">
        <v>81</v>
      </c>
      <c r="D89" s="10" t="s">
        <v>131</v>
      </c>
      <c r="E89" s="10" t="s">
        <v>186</v>
      </c>
      <c r="F89" s="10" t="s">
        <v>133</v>
      </c>
    </row>
    <row r="90" spans="1:6" x14ac:dyDescent="0.3">
      <c r="A90" s="10" t="s">
        <v>116</v>
      </c>
      <c r="B90" s="10" t="s">
        <v>110</v>
      </c>
      <c r="C90" s="10" t="s">
        <v>81</v>
      </c>
      <c r="D90" s="10" t="s">
        <v>130</v>
      </c>
      <c r="E90" s="10" t="s">
        <v>186</v>
      </c>
      <c r="F90" s="10" t="s">
        <v>127</v>
      </c>
    </row>
    <row r="91" spans="1:6" x14ac:dyDescent="0.3">
      <c r="A91" s="12" t="s">
        <v>116</v>
      </c>
      <c r="B91" s="13" t="s">
        <v>212</v>
      </c>
      <c r="C91" s="10" t="s">
        <v>81</v>
      </c>
      <c r="D91" s="10" t="s">
        <v>130</v>
      </c>
      <c r="E91" s="10" t="s">
        <v>186</v>
      </c>
      <c r="F91" s="10" t="s">
        <v>133</v>
      </c>
    </row>
    <row r="92" spans="1:6" x14ac:dyDescent="0.3">
      <c r="A92" s="12" t="s">
        <v>116</v>
      </c>
      <c r="B92" s="13" t="s">
        <v>215</v>
      </c>
      <c r="C92" s="10" t="s">
        <v>81</v>
      </c>
      <c r="D92" s="10" t="s">
        <v>130</v>
      </c>
      <c r="E92" s="10" t="s">
        <v>186</v>
      </c>
      <c r="F92" s="10" t="s">
        <v>133</v>
      </c>
    </row>
    <row r="93" spans="1:6" x14ac:dyDescent="0.3">
      <c r="A93" s="10" t="s">
        <v>116</v>
      </c>
      <c r="B93" s="10" t="s">
        <v>112</v>
      </c>
      <c r="C93" s="10" t="s">
        <v>81</v>
      </c>
      <c r="D93" s="10" t="s">
        <v>130</v>
      </c>
      <c r="E93" s="10" t="s">
        <v>186</v>
      </c>
      <c r="F93" s="10" t="s">
        <v>133</v>
      </c>
    </row>
    <row r="94" spans="1:6" x14ac:dyDescent="0.3">
      <c r="A94" s="10" t="s">
        <v>116</v>
      </c>
      <c r="B94" s="10" t="s">
        <v>112</v>
      </c>
      <c r="C94" s="10" t="s">
        <v>81</v>
      </c>
      <c r="D94" s="10" t="s">
        <v>130</v>
      </c>
      <c r="E94" s="10" t="s">
        <v>186</v>
      </c>
      <c r="F94" s="10" t="s">
        <v>127</v>
      </c>
    </row>
    <row r="95" spans="1:6" x14ac:dyDescent="0.3">
      <c r="A95" s="10" t="s">
        <v>116</v>
      </c>
      <c r="B95" s="10" t="s">
        <v>136</v>
      </c>
      <c r="C95" s="10" t="s">
        <v>188</v>
      </c>
      <c r="D95" s="10" t="s">
        <v>131</v>
      </c>
      <c r="E95" s="10" t="s">
        <v>187</v>
      </c>
      <c r="F95" s="10" t="s">
        <v>139</v>
      </c>
    </row>
    <row r="96" spans="1:6" x14ac:dyDescent="0.3">
      <c r="A96" s="10" t="s">
        <v>116</v>
      </c>
      <c r="B96" s="10" t="s">
        <v>89</v>
      </c>
      <c r="C96" s="10" t="s">
        <v>81</v>
      </c>
      <c r="D96" s="10" t="s">
        <v>131</v>
      </c>
      <c r="E96" s="10" t="s">
        <v>186</v>
      </c>
      <c r="F96" s="10" t="s">
        <v>127</v>
      </c>
    </row>
    <row r="97" spans="1:6" x14ac:dyDescent="0.3">
      <c r="A97" s="10" t="s">
        <v>116</v>
      </c>
      <c r="B97" s="10" t="s">
        <v>105</v>
      </c>
      <c r="C97" s="10" t="s">
        <v>81</v>
      </c>
      <c r="D97" s="10" t="s">
        <v>130</v>
      </c>
      <c r="E97" s="10" t="s">
        <v>186</v>
      </c>
      <c r="F97" s="10" t="s">
        <v>127</v>
      </c>
    </row>
    <row r="98" spans="1:6" x14ac:dyDescent="0.3">
      <c r="A98" s="10" t="s">
        <v>116</v>
      </c>
      <c r="B98" s="10" t="s">
        <v>271</v>
      </c>
      <c r="C98" s="10" t="s">
        <v>81</v>
      </c>
      <c r="D98" s="10" t="s">
        <v>131</v>
      </c>
      <c r="E98" s="10" t="s">
        <v>186</v>
      </c>
      <c r="F98" s="10" t="s">
        <v>127</v>
      </c>
    </row>
    <row r="99" spans="1:6" x14ac:dyDescent="0.3">
      <c r="A99" s="10" t="s">
        <v>116</v>
      </c>
      <c r="B99" s="10" t="s">
        <v>115</v>
      </c>
      <c r="C99" s="10" t="s">
        <v>81</v>
      </c>
      <c r="D99" s="10" t="s">
        <v>130</v>
      </c>
      <c r="E99" s="10" t="s">
        <v>186</v>
      </c>
      <c r="F99" s="10" t="s">
        <v>127</v>
      </c>
    </row>
    <row r="100" spans="1:6" x14ac:dyDescent="0.3">
      <c r="A100" s="10" t="s">
        <v>116</v>
      </c>
      <c r="B100" s="10" t="s">
        <v>94</v>
      </c>
      <c r="C100" s="10" t="s">
        <v>188</v>
      </c>
      <c r="D100" s="10" t="s">
        <v>131</v>
      </c>
      <c r="E100" s="10" t="s">
        <v>187</v>
      </c>
      <c r="F100" s="10" t="s">
        <v>133</v>
      </c>
    </row>
    <row r="101" spans="1:6" x14ac:dyDescent="0.3">
      <c r="A101" s="10" t="s">
        <v>116</v>
      </c>
      <c r="B101" s="10" t="s">
        <v>272</v>
      </c>
      <c r="C101" s="10" t="s">
        <v>81</v>
      </c>
      <c r="D101" s="10" t="s">
        <v>131</v>
      </c>
      <c r="E101" s="10" t="s">
        <v>186</v>
      </c>
      <c r="F101" s="10" t="s">
        <v>127</v>
      </c>
    </row>
    <row r="102" spans="1:6" x14ac:dyDescent="0.3">
      <c r="A102" s="10" t="s">
        <v>116</v>
      </c>
      <c r="B102" s="10" t="s">
        <v>138</v>
      </c>
      <c r="C102" s="10" t="s">
        <v>188</v>
      </c>
      <c r="D102" s="10" t="s">
        <v>131</v>
      </c>
      <c r="E102" s="10" t="s">
        <v>187</v>
      </c>
      <c r="F102" s="10" t="s">
        <v>140</v>
      </c>
    </row>
    <row r="103" spans="1:6" x14ac:dyDescent="0.3">
      <c r="A103" s="10" t="s">
        <v>116</v>
      </c>
      <c r="B103" s="10" t="s">
        <v>98</v>
      </c>
      <c r="C103" s="10" t="s">
        <v>188</v>
      </c>
      <c r="D103" s="10" t="s">
        <v>131</v>
      </c>
      <c r="E103" s="10" t="s">
        <v>187</v>
      </c>
      <c r="F103" s="10" t="s">
        <v>133</v>
      </c>
    </row>
    <row r="104" spans="1:6" x14ac:dyDescent="0.3">
      <c r="A104" s="12" t="s">
        <v>116</v>
      </c>
      <c r="B104" s="13" t="s">
        <v>205</v>
      </c>
      <c r="C104" s="10" t="s">
        <v>188</v>
      </c>
      <c r="D104" s="10" t="s">
        <v>131</v>
      </c>
      <c r="E104" s="10" t="s">
        <v>187</v>
      </c>
      <c r="F104" s="10" t="s">
        <v>313</v>
      </c>
    </row>
    <row r="105" spans="1:6" x14ac:dyDescent="0.3">
      <c r="A105" s="12" t="s">
        <v>116</v>
      </c>
      <c r="B105" s="13" t="s">
        <v>312</v>
      </c>
      <c r="C105" s="10" t="s">
        <v>188</v>
      </c>
      <c r="D105" s="10" t="s">
        <v>131</v>
      </c>
      <c r="E105" s="10" t="s">
        <v>187</v>
      </c>
      <c r="F105" s="10" t="s">
        <v>133</v>
      </c>
    </row>
  </sheetData>
  <pageMargins left="0.7" right="0.7" top="0.75" bottom="0.75" header="0.3" footer="0.3"/>
  <pageSetup paperSize="9" orientation="portrait" horizontalDpi="300" verticalDpi="0" r:id="rId1"/>
  <tableParts count="1">
    <tablePart r:id="rId2"/>
  </tablePart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4"/>
  <dimension ref="A1:A8"/>
  <sheetViews>
    <sheetView workbookViewId="0">
      <selection activeCell="A12" sqref="A12"/>
    </sheetView>
  </sheetViews>
  <sheetFormatPr defaultRowHeight="14.4" x14ac:dyDescent="0.3"/>
  <cols>
    <col min="1" max="1" width="174.33203125" customWidth="1"/>
  </cols>
  <sheetData>
    <row r="1" spans="1:1" ht="36" x14ac:dyDescent="0.3">
      <c r="A1" s="1" t="s">
        <v>143</v>
      </c>
    </row>
    <row r="3" spans="1:1" ht="15" x14ac:dyDescent="0.3">
      <c r="A3" s="2" t="s">
        <v>144</v>
      </c>
    </row>
    <row r="4" spans="1:1" ht="30.6" x14ac:dyDescent="0.3">
      <c r="A4" s="3" t="s">
        <v>145</v>
      </c>
    </row>
    <row r="5" spans="1:1" ht="15" x14ac:dyDescent="0.3">
      <c r="A5" s="2" t="s">
        <v>146</v>
      </c>
    </row>
    <row r="6" spans="1:1" ht="15" x14ac:dyDescent="0.3">
      <c r="A6" s="2" t="s">
        <v>147</v>
      </c>
    </row>
    <row r="7" spans="1:1" ht="60" x14ac:dyDescent="0.3">
      <c r="A7" s="2" t="s">
        <v>148</v>
      </c>
    </row>
    <row r="8" spans="1:1" ht="90" x14ac:dyDescent="0.3">
      <c r="A8" s="2" t="s">
        <v>149</v>
      </c>
    </row>
  </sheetData>
  <hyperlinks>
    <hyperlink ref="A4" r:id="rId1" display="http://global12.sap.com/corporate-en/legal/copyright/index.epx" xr:uid="{00000000-0004-0000-0500-000000000000}"/>
  </hyperlinks>
  <pageMargins left="0.7" right="0.7" top="0.75" bottom="0.75" header="0.3" footer="0.3"/>
  <pageSetup paperSize="9" orientation="portrait" horizontalDpi="300" verticalDpi="0" copies="0"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6</vt:i4>
      </vt:variant>
    </vt:vector>
  </HeadingPairs>
  <TitlesOfParts>
    <vt:vector size="6" baseType="lpstr">
      <vt:lpstr>Instructions</vt:lpstr>
      <vt:lpstr>Integration Flows</vt:lpstr>
      <vt:lpstr>ERP IS Utilities</vt:lpstr>
      <vt:lpstr>S4H Utilities</vt:lpstr>
      <vt:lpstr>Interface List</vt:lpstr>
      <vt:lpstr>Copyright</vt:lpstr>
    </vt:vector>
  </TitlesOfParts>
  <Company>SAP</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ermann Duengelhoef</dc:creator>
  <cp:lastModifiedBy>Nanda, Abinash</cp:lastModifiedBy>
  <dcterms:created xsi:type="dcterms:W3CDTF">2014-01-14T15:49:54Z</dcterms:created>
  <dcterms:modified xsi:type="dcterms:W3CDTF">2019-09-30T15:29:1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